
<file path=[Content_Types].xml><?xml version="1.0" encoding="utf-8"?>
<Types xmlns="http://schemas.openxmlformats.org/package/2006/content-types">
  <Default Extension="bin" ContentType="application/vnd.openxmlformats-officedocument.spreadsheetml.printerSettings"/>
  <Default Extension="jpeg" ContentType="image/jpeg"/>
  <Default Extension="rels" ContentType="application/vnd.openxmlformats-package.relationships+xml"/>
  <Default Extension="vml" ContentType="application/vnd.openxmlformats-officedocument.vmlDrawing"/>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trlProps/ctrlProp1.xml" ContentType="application/vnd.ms-excel.controlpropertie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7531"/>
  <workbookPr codeName="ThisWorkbook" defaultThemeVersion="166925"/>
  <mc:AlternateContent xmlns:mc="http://schemas.openxmlformats.org/markup-compatibility/2006">
    <mc:Choice Requires="x15">
      <x15ac:absPath xmlns:x15ac="http://schemas.microsoft.com/office/spreadsheetml/2010/11/ac" url="\\smd1fs01\s165\S165経営支援部\新事部-R1連携事業支援☆\C2 03販路開拓支援\C2 01 パートナー事業\C2 03 パートナー企画\C2 令和6年度\03-01_Maruichi\01_エントリー\07_常設棚向け募集企画\"/>
    </mc:Choice>
  </mc:AlternateContent>
  <xr:revisionPtr revIDLastSave="0" documentId="13_ncr:1_{219198F4-2362-48FF-8A6E-0E2395C27AA9}" xr6:coauthVersionLast="47" xr6:coauthVersionMax="47" xr10:uidLastSave="{00000000-0000-0000-0000-000000000000}"/>
  <bookViews>
    <workbookView xWindow="-120" yWindow="-16320" windowWidth="29040" windowHeight="15840" xr2:uid="{00000000-000D-0000-FFFF-FFFF00000000}"/>
  </bookViews>
  <sheets>
    <sheet name="商品カルテ" sheetId="12" r:id="rId1"/>
    <sheet name="リスト" sheetId="13" state="hidden" r:id="rId2"/>
  </sheets>
  <definedNames>
    <definedName name="_xlnm.Print_Area" localSheetId="0">商品カルテ!$A$1:$AC$40</definedName>
    <definedName name="サービス業・他に分類されないもの">リスト!$AO$3:$AO$11</definedName>
    <definedName name="医療・福祉">リスト!$AM$3:$AM$5</definedName>
    <definedName name="運輸業・郵便業">リスト!$AE$3:$AE$10</definedName>
    <definedName name="卸売業・小売業">リスト!$AF$3:$AF$14</definedName>
    <definedName name="学術研究・専門・技術サービス業">リスト!$AI$3:$AI$6</definedName>
    <definedName name="漁業">リスト!$Y$3:$Y$4</definedName>
    <definedName name="教育・学習支援業">リスト!$AL$3:$AL$4</definedName>
    <definedName name="金融業・保険業">リスト!$AG$3:$AG$8</definedName>
    <definedName name="建設業">リスト!$AA$3:$AA$5</definedName>
    <definedName name="公務・他に分類されるものを除く">リスト!$AP$3:$AP$4</definedName>
    <definedName name="鉱業・採石業・砂利採取業">リスト!$Z$3</definedName>
    <definedName name="宿泊業・飲食サービス業">リスト!$AJ$3:$AJ$5</definedName>
    <definedName name="情報通信業">リスト!$AD$3:$AD$7</definedName>
    <definedName name="生活関連サービス業・娯楽業">リスト!$AK$3:$AK$5</definedName>
    <definedName name="製造業">リスト!$AB$3:$AB$26</definedName>
    <definedName name="電気・ガス・熱供給・水道業">リスト!$AC$3:$AC$6</definedName>
    <definedName name="農業・林業">リスト!$X$3:$X$4</definedName>
    <definedName name="不動産業・物品賃貸業">リスト!$AH$3:$AH$5</definedName>
    <definedName name="複合サービス事業">リスト!$AN$3:$AN$4</definedName>
    <definedName name="分類不能の産業">リスト!$AQ$3</definedName>
  </definedName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calcChain.xml><?xml version="1.0" encoding="utf-8"?>
<calcChain xmlns="http://schemas.openxmlformats.org/spreadsheetml/2006/main">
  <c r="AC14" i="12" l="1"/>
</calcChain>
</file>

<file path=xl/sharedStrings.xml><?xml version="1.0" encoding="utf-8"?>
<sst xmlns="http://schemas.openxmlformats.org/spreadsheetml/2006/main" count="254" uniqueCount="250">
  <si>
    <t>フリガナ</t>
    <phoneticPr fontId="3"/>
  </si>
  <si>
    <t>企業名</t>
    <rPh sb="0" eb="2">
      <t>キギョウ</t>
    </rPh>
    <rPh sb="2" eb="3">
      <t>メイ</t>
    </rPh>
    <phoneticPr fontId="3"/>
  </si>
  <si>
    <t>商品名</t>
    <rPh sb="0" eb="3">
      <t>ショウヒンメイ</t>
    </rPh>
    <phoneticPr fontId="3"/>
  </si>
  <si>
    <t>円</t>
    <rPh sb="0" eb="1">
      <t>エン</t>
    </rPh>
    <phoneticPr fontId="3"/>
  </si>
  <si>
    <t>標準卸価格
(税抜)</t>
    <rPh sb="0" eb="2">
      <t>ヒョウジュン</t>
    </rPh>
    <rPh sb="2" eb="5">
      <t>オロシカカク</t>
    </rPh>
    <rPh sb="7" eb="8">
      <t>ゼイ</t>
    </rPh>
    <rPh sb="8" eb="9">
      <t>ヌ</t>
    </rPh>
    <phoneticPr fontId="3"/>
  </si>
  <si>
    <t>表示</t>
    <rPh sb="0" eb="2">
      <t>ヒョウジ</t>
    </rPh>
    <phoneticPr fontId="3"/>
  </si>
  <si>
    <t>製造者名</t>
    <rPh sb="0" eb="3">
      <t>セイゾウシャ</t>
    </rPh>
    <rPh sb="3" eb="4">
      <t>メイ</t>
    </rPh>
    <phoneticPr fontId="3"/>
  </si>
  <si>
    <t>希望小売
価格(税抜)</t>
    <rPh sb="0" eb="2">
      <t>キボウ</t>
    </rPh>
    <rPh sb="2" eb="4">
      <t>コウリ</t>
    </rPh>
    <rPh sb="5" eb="7">
      <t>カカク</t>
    </rPh>
    <rPh sb="9" eb="10">
      <t>ヌ</t>
    </rPh>
    <phoneticPr fontId="3"/>
  </si>
  <si>
    <t>記入日</t>
    <rPh sb="0" eb="2">
      <t>キニュウ</t>
    </rPh>
    <rPh sb="2" eb="3">
      <t>ビ</t>
    </rPh>
    <phoneticPr fontId="3"/>
  </si>
  <si>
    <t>取得基準</t>
    <rPh sb="0" eb="2">
      <t>シュトク</t>
    </rPh>
    <rPh sb="2" eb="4">
      <t>キジュン</t>
    </rPh>
    <phoneticPr fontId="3"/>
  </si>
  <si>
    <t>消費・賞味期限</t>
    <rPh sb="0" eb="2">
      <t>ショウヒ</t>
    </rPh>
    <rPh sb="3" eb="5">
      <t>ショウミ</t>
    </rPh>
    <rPh sb="5" eb="7">
      <t>キゲン</t>
    </rPh>
    <phoneticPr fontId="3"/>
  </si>
  <si>
    <t>調味料</t>
  </si>
  <si>
    <t>日</t>
    <rPh sb="0" eb="1">
      <t>ヒ</t>
    </rPh>
    <phoneticPr fontId="3"/>
  </si>
  <si>
    <t>月</t>
    <rPh sb="0" eb="1">
      <t>ツキ</t>
    </rPh>
    <phoneticPr fontId="3"/>
  </si>
  <si>
    <t>年</t>
    <rPh sb="0" eb="1">
      <t>ネン</t>
    </rPh>
    <phoneticPr fontId="3"/>
  </si>
  <si>
    <t>その他</t>
    <rPh sb="2" eb="3">
      <t>タ</t>
    </rPh>
    <phoneticPr fontId="3"/>
  </si>
  <si>
    <t>冷凍</t>
    <rPh sb="0" eb="2">
      <t>レイトウ</t>
    </rPh>
    <phoneticPr fontId="3"/>
  </si>
  <si>
    <t>冷蔵</t>
    <rPh sb="0" eb="2">
      <t>レイゾウ</t>
    </rPh>
    <phoneticPr fontId="3"/>
  </si>
  <si>
    <t>常温</t>
    <rPh sb="0" eb="2">
      <t>ジョウオン</t>
    </rPh>
    <phoneticPr fontId="3"/>
  </si>
  <si>
    <t>　幅（W）×奥行（D）×高さ（H）</t>
    <phoneticPr fontId="3"/>
  </si>
  <si>
    <t>【商品画像】</t>
    <rPh sb="1" eb="5">
      <t>ショウヒンガゾウ</t>
    </rPh>
    <phoneticPr fontId="3"/>
  </si>
  <si>
    <t>アレルギー指定品目（7項目（必須）+21項目（任意））</t>
    <phoneticPr fontId="3"/>
  </si>
  <si>
    <t>えび</t>
    <phoneticPr fontId="3"/>
  </si>
  <si>
    <t>かに</t>
    <phoneticPr fontId="3"/>
  </si>
  <si>
    <t>卵</t>
    <rPh sb="0" eb="1">
      <t>タマゴ</t>
    </rPh>
    <phoneticPr fontId="3"/>
  </si>
  <si>
    <t>乳</t>
    <rPh sb="0" eb="1">
      <t>チチ</t>
    </rPh>
    <phoneticPr fontId="3"/>
  </si>
  <si>
    <t>落花生</t>
    <rPh sb="0" eb="3">
      <t>ラッカセイ</t>
    </rPh>
    <phoneticPr fontId="3"/>
  </si>
  <si>
    <t>小麦</t>
    <rPh sb="0" eb="2">
      <t>コムギ</t>
    </rPh>
    <phoneticPr fontId="3"/>
  </si>
  <si>
    <t>アーモンド</t>
    <phoneticPr fontId="3"/>
  </si>
  <si>
    <t>あわび</t>
    <phoneticPr fontId="3"/>
  </si>
  <si>
    <t>いか</t>
    <phoneticPr fontId="3"/>
  </si>
  <si>
    <t>いくら</t>
    <phoneticPr fontId="3"/>
  </si>
  <si>
    <t>オレンジ</t>
    <phoneticPr fontId="3"/>
  </si>
  <si>
    <t>カシューナッツ</t>
    <phoneticPr fontId="3"/>
  </si>
  <si>
    <t>キウイフルーツ</t>
    <phoneticPr fontId="3"/>
  </si>
  <si>
    <t>牛肉</t>
    <rPh sb="0" eb="2">
      <t>ギュウニク</t>
    </rPh>
    <phoneticPr fontId="3"/>
  </si>
  <si>
    <t>ごま</t>
    <phoneticPr fontId="3"/>
  </si>
  <si>
    <t>さけ</t>
    <phoneticPr fontId="3"/>
  </si>
  <si>
    <t>さば</t>
    <phoneticPr fontId="3"/>
  </si>
  <si>
    <t>鶏肉</t>
    <rPh sb="0" eb="2">
      <t>トリニク</t>
    </rPh>
    <phoneticPr fontId="3"/>
  </si>
  <si>
    <t>バナナ</t>
    <phoneticPr fontId="3"/>
  </si>
  <si>
    <t>豚肉</t>
    <rPh sb="0" eb="2">
      <t>ブタニク</t>
    </rPh>
    <phoneticPr fontId="3"/>
  </si>
  <si>
    <t>まつたけ</t>
    <phoneticPr fontId="3"/>
  </si>
  <si>
    <t>あり</t>
    <phoneticPr fontId="3"/>
  </si>
  <si>
    <t>なし</t>
    <phoneticPr fontId="3"/>
  </si>
  <si>
    <t>※食品衛生法表示義務に基づく表示のない場合は販売できません</t>
    <rPh sb="19" eb="21">
      <t>バアイ</t>
    </rPh>
    <rPh sb="22" eb="24">
      <t>ハンバイ</t>
    </rPh>
    <phoneticPr fontId="3"/>
  </si>
  <si>
    <t>賞味期限</t>
    <rPh sb="0" eb="4">
      <t>ショウミキゲン</t>
    </rPh>
    <phoneticPr fontId="3"/>
  </si>
  <si>
    <t>消費期限</t>
    <rPh sb="0" eb="4">
      <t>ショウヒキゲン</t>
    </rPh>
    <phoneticPr fontId="3"/>
  </si>
  <si>
    <t>表示なし</t>
    <rPh sb="0" eb="2">
      <t>ヒョウジ</t>
    </rPh>
    <phoneticPr fontId="3"/>
  </si>
  <si>
    <t>提供できる</t>
    <rPh sb="0" eb="2">
      <t>テイキョウ</t>
    </rPh>
    <phoneticPr fontId="3"/>
  </si>
  <si>
    <t>提供できない</t>
    <rPh sb="0" eb="2">
      <t>テイキョウ</t>
    </rPh>
    <phoneticPr fontId="3"/>
  </si>
  <si>
    <t>専門店・セレクトショップ</t>
    <rPh sb="0" eb="3">
      <t>センモンテン</t>
    </rPh>
    <phoneticPr fontId="3"/>
  </si>
  <si>
    <t>カタログギフト・通信販売</t>
    <rPh sb="8" eb="12">
      <t>ツウシンハンバイ</t>
    </rPh>
    <phoneticPr fontId="3"/>
  </si>
  <si>
    <t xml:space="preserve"> 商社・卸売</t>
    <rPh sb="1" eb="3">
      <t>ショウシャ</t>
    </rPh>
    <rPh sb="4" eb="6">
      <t>オロシウ</t>
    </rPh>
    <phoneticPr fontId="3"/>
  </si>
  <si>
    <t xml:space="preserve"> 商業施設</t>
    <rPh sb="1" eb="3">
      <t>ショウギョウ</t>
    </rPh>
    <rPh sb="3" eb="5">
      <t>シセツ</t>
    </rPh>
    <phoneticPr fontId="3"/>
  </si>
  <si>
    <t xml:space="preserve"> ECモール</t>
    <phoneticPr fontId="3"/>
  </si>
  <si>
    <t xml:space="preserve"> 自社店舗</t>
    <rPh sb="1" eb="3">
      <t>ジシャ</t>
    </rPh>
    <rPh sb="3" eb="5">
      <t>テンポ</t>
    </rPh>
    <phoneticPr fontId="3"/>
  </si>
  <si>
    <t xml:space="preserve"> 自社HP・ECサイト</t>
    <rPh sb="1" eb="3">
      <t>ジシャ</t>
    </rPh>
    <phoneticPr fontId="3"/>
  </si>
  <si>
    <t xml:space="preserve"> その他</t>
    <rPh sb="3" eb="4">
      <t>タ</t>
    </rPh>
    <phoneticPr fontId="3"/>
  </si>
  <si>
    <t>販売実績・方法</t>
    <phoneticPr fontId="3"/>
  </si>
  <si>
    <t>上記の具体的な内容（店舗名等）</t>
    <rPh sb="7" eb="9">
      <t>ナイヨウ</t>
    </rPh>
    <rPh sb="10" eb="12">
      <t>テンポ</t>
    </rPh>
    <rPh sb="12" eb="13">
      <t>メイ</t>
    </rPh>
    <rPh sb="13" eb="14">
      <t>ナド</t>
    </rPh>
    <phoneticPr fontId="3"/>
  </si>
  <si>
    <t xml:space="preserve"> ISO9001 </t>
    <phoneticPr fontId="3"/>
  </si>
  <si>
    <t xml:space="preserve"> HACCP(旧A基準)</t>
    <rPh sb="7" eb="8">
      <t>キュウ</t>
    </rPh>
    <rPh sb="9" eb="11">
      <t>キジュン</t>
    </rPh>
    <phoneticPr fontId="3"/>
  </si>
  <si>
    <t xml:space="preserve"> HACCP(旧B基準)</t>
    <rPh sb="7" eb="8">
      <t>キュウ</t>
    </rPh>
    <rPh sb="9" eb="11">
      <t>キジュン</t>
    </rPh>
    <phoneticPr fontId="3"/>
  </si>
  <si>
    <t xml:space="preserve"> JAS規格</t>
    <rPh sb="4" eb="6">
      <t>キカク</t>
    </rPh>
    <phoneticPr fontId="3"/>
  </si>
  <si>
    <t xml:space="preserve"> GAP認証</t>
    <rPh sb="4" eb="6">
      <t>ニンショウ</t>
    </rPh>
    <phoneticPr fontId="3"/>
  </si>
  <si>
    <t>ハラル認証</t>
    <rPh sb="3" eb="5">
      <t>ニンショウ</t>
    </rPh>
    <phoneticPr fontId="3"/>
  </si>
  <si>
    <t xml:space="preserve"> オーガニック認証</t>
    <rPh sb="7" eb="9">
      <t>ニンショウ</t>
    </rPh>
    <phoneticPr fontId="3"/>
  </si>
  <si>
    <t>✓</t>
    <phoneticPr fontId="3"/>
  </si>
  <si>
    <t xml:space="preserve"> ISO14001</t>
    <phoneticPr fontId="3"/>
  </si>
  <si>
    <t>ISO27001</t>
    <phoneticPr fontId="3"/>
  </si>
  <si>
    <t>卸売者名</t>
    <rPh sb="0" eb="3">
      <t>オロシウリシャ</t>
    </rPh>
    <rPh sb="3" eb="4">
      <t>メイ</t>
    </rPh>
    <phoneticPr fontId="3"/>
  </si>
  <si>
    <t>買取</t>
    <rPh sb="0" eb="2">
      <t>カイトリ</t>
    </rPh>
    <phoneticPr fontId="3"/>
  </si>
  <si>
    <t>委託</t>
    <rPh sb="0" eb="2">
      <t>イタク</t>
    </rPh>
    <phoneticPr fontId="3"/>
  </si>
  <si>
    <t>個別条</t>
    <rPh sb="0" eb="2">
      <t>コベツ</t>
    </rPh>
    <rPh sb="2" eb="3">
      <t>ジョウ</t>
    </rPh>
    <phoneticPr fontId="3"/>
  </si>
  <si>
    <t>PL保険加入</t>
    <rPh sb="2" eb="4">
      <t>ホケン</t>
    </rPh>
    <rPh sb="4" eb="6">
      <t>カニュウ</t>
    </rPh>
    <phoneticPr fontId="3"/>
  </si>
  <si>
    <t>全国</t>
    <rPh sb="0" eb="2">
      <t>ゼンコク</t>
    </rPh>
    <phoneticPr fontId="3"/>
  </si>
  <si>
    <t>地域限定</t>
    <rPh sb="0" eb="4">
      <t>チイキゲンテイ</t>
    </rPh>
    <phoneticPr fontId="3"/>
  </si>
  <si>
    <t>りんご</t>
    <phoneticPr fontId="3"/>
  </si>
  <si>
    <t>外部機関のチェック有</t>
    <rPh sb="0" eb="4">
      <t>ガイブキカン</t>
    </rPh>
    <rPh sb="9" eb="10">
      <t>アリ</t>
    </rPh>
    <phoneticPr fontId="3"/>
  </si>
  <si>
    <t>社内チェックのみ</t>
    <rPh sb="0" eb="2">
      <t>シャナイ</t>
    </rPh>
    <phoneticPr fontId="3"/>
  </si>
  <si>
    <t>原材料名
（添加物含）</t>
    <rPh sb="0" eb="4">
      <t>ゲンザイリョウメイ</t>
    </rPh>
    <rPh sb="6" eb="9">
      <t>テンカブツ</t>
    </rPh>
    <rPh sb="9" eb="10">
      <t>ガン</t>
    </rPh>
    <phoneticPr fontId="3"/>
  </si>
  <si>
    <t>サンプル</t>
  </si>
  <si>
    <t>対応済</t>
    <rPh sb="0" eb="2">
      <t>タイオウ</t>
    </rPh>
    <rPh sb="2" eb="3">
      <t>スミ</t>
    </rPh>
    <phoneticPr fontId="3"/>
  </si>
  <si>
    <t>未対応</t>
    <rPh sb="0" eb="3">
      <t>ミタイオウ</t>
    </rPh>
    <phoneticPr fontId="3"/>
  </si>
  <si>
    <t>やまいも</t>
    <phoneticPr fontId="3"/>
  </si>
  <si>
    <t>ゼラチン</t>
    <phoneticPr fontId="3"/>
  </si>
  <si>
    <t>もも</t>
    <phoneticPr fontId="3"/>
  </si>
  <si>
    <t>大豆</t>
    <rPh sb="0" eb="2">
      <t>ダイズ</t>
    </rPh>
    <phoneticPr fontId="3"/>
  </si>
  <si>
    <t>くるみ</t>
    <phoneticPr fontId="3"/>
  </si>
  <si>
    <t>そば</t>
    <phoneticPr fontId="3"/>
  </si>
  <si>
    <t>当該商品の
販売状況</t>
    <rPh sb="0" eb="2">
      <t>トウガイ</t>
    </rPh>
    <rPh sb="2" eb="4">
      <t>ショウヒン</t>
    </rPh>
    <rPh sb="6" eb="10">
      <t>ハンバイジョウキョウ</t>
    </rPh>
    <phoneticPr fontId="3"/>
  </si>
  <si>
    <t>商品情報
商品管理基準</t>
    <rPh sb="0" eb="2">
      <t>ショウヒン</t>
    </rPh>
    <rPh sb="2" eb="4">
      <t>ジョウホウ</t>
    </rPh>
    <rPh sb="5" eb="7">
      <t>ショウヒン</t>
    </rPh>
    <rPh sb="7" eb="9">
      <t>カンリ</t>
    </rPh>
    <rPh sb="9" eb="11">
      <t>キジュン</t>
    </rPh>
    <phoneticPr fontId="3"/>
  </si>
  <si>
    <t>商品コンセプト・
特長等
(200文字程度)</t>
    <rPh sb="0" eb="2">
      <t>ショウヒン</t>
    </rPh>
    <rPh sb="9" eb="10">
      <t>トク</t>
    </rPh>
    <rPh sb="10" eb="11">
      <t>チョウ</t>
    </rPh>
    <rPh sb="11" eb="12">
      <t>トウ</t>
    </rPh>
    <rPh sb="17" eb="18">
      <t>ブン</t>
    </rPh>
    <rPh sb="18" eb="19">
      <t>ジ</t>
    </rPh>
    <rPh sb="19" eb="21">
      <t>テイド</t>
    </rPh>
    <phoneticPr fontId="3"/>
  </si>
  <si>
    <t>個</t>
    <rPh sb="0" eb="1">
      <t>コ</t>
    </rPh>
    <phoneticPr fontId="3"/>
  </si>
  <si>
    <t>ケース</t>
    <phoneticPr fontId="3"/>
  </si>
  <si>
    <t>果物</t>
  </si>
  <si>
    <t>野菜</t>
  </si>
  <si>
    <t>鮮魚</t>
  </si>
  <si>
    <t>塩干</t>
  </si>
  <si>
    <t>加工肉</t>
  </si>
  <si>
    <t>生肉</t>
  </si>
  <si>
    <t>デリカ</t>
  </si>
  <si>
    <t>日配</t>
  </si>
  <si>
    <t>冷凍食品</t>
  </si>
  <si>
    <t>加工食品</t>
  </si>
  <si>
    <t>菓子</t>
  </si>
  <si>
    <t>酒類</t>
  </si>
  <si>
    <t>日用品・雑貨</t>
  </si>
  <si>
    <t>その他</t>
  </si>
  <si>
    <t>ケースサイズ</t>
    <phoneticPr fontId="3"/>
  </si>
  <si>
    <t>ケース重量</t>
    <rPh sb="3" eb="5">
      <t>ジュウリョウ</t>
    </rPh>
    <phoneticPr fontId="3"/>
  </si>
  <si>
    <t>温度帯</t>
    <rPh sb="0" eb="3">
      <t>オンドタイ</t>
    </rPh>
    <phoneticPr fontId="3"/>
  </si>
  <si>
    <t>内容量（g/ml等）</t>
    <rPh sb="0" eb="3">
      <t>ナイヨウリョウ</t>
    </rPh>
    <rPh sb="8" eb="9">
      <t>ナド</t>
    </rPh>
    <phoneticPr fontId="3"/>
  </si>
  <si>
    <t>ケース入数</t>
    <rPh sb="3" eb="5">
      <t>イリスウ</t>
    </rPh>
    <phoneticPr fontId="3"/>
  </si>
  <si>
    <t>配送ロット</t>
    <rPh sb="0" eb="2">
      <t>ハイソウ</t>
    </rPh>
    <phoneticPr fontId="1"/>
  </si>
  <si>
    <t>訴求ポイント</t>
    <rPh sb="0" eb="2">
      <t>ソキュウ</t>
    </rPh>
    <phoneticPr fontId="3"/>
  </si>
  <si>
    <t>その理由</t>
    <rPh sb="2" eb="4">
      <t>リユウ</t>
    </rPh>
    <phoneticPr fontId="3"/>
  </si>
  <si>
    <t>輸出実績</t>
    <rPh sb="0" eb="2">
      <t>ユシュツ</t>
    </rPh>
    <rPh sb="2" eb="4">
      <t>ジッセキ</t>
    </rPh>
    <phoneticPr fontId="3"/>
  </si>
  <si>
    <t>輸出国</t>
    <rPh sb="0" eb="3">
      <t>ユシュツコク</t>
    </rPh>
    <phoneticPr fontId="3"/>
  </si>
  <si>
    <t>その期間</t>
    <rPh sb="2" eb="4">
      <t>キカン</t>
    </rPh>
    <phoneticPr fontId="3"/>
  </si>
  <si>
    <t>輸出希望国</t>
    <rPh sb="0" eb="2">
      <t>ユシュツ</t>
    </rPh>
    <rPh sb="2" eb="4">
      <t>キボウ</t>
    </rPh>
    <rPh sb="4" eb="5">
      <t>コク</t>
    </rPh>
    <phoneticPr fontId="3"/>
  </si>
  <si>
    <t>その他特記事項</t>
    <rPh sb="2" eb="3">
      <t>タ</t>
    </rPh>
    <rPh sb="3" eb="5">
      <t>トッキ</t>
    </rPh>
    <rPh sb="5" eb="7">
      <t>ジコウ</t>
    </rPh>
    <phoneticPr fontId="3"/>
  </si>
  <si>
    <t>食品輸出エントリーシート</t>
    <rPh sb="0" eb="2">
      <t>ショクヒン</t>
    </rPh>
    <rPh sb="2" eb="4">
      <t>ユシュツ</t>
    </rPh>
    <phoneticPr fontId="3"/>
  </si>
  <si>
    <t>Maruichi</t>
    <phoneticPr fontId="3"/>
  </si>
  <si>
    <t xml:space="preserve">輸出は全くの未経験 </t>
    <phoneticPr fontId="3"/>
  </si>
  <si>
    <t xml:space="preserve">輸出実績はあるが、2022年1月以降には実績がない </t>
    <phoneticPr fontId="3"/>
  </si>
  <si>
    <t xml:space="preserve">輸出実績はあるが新たな国・地域に取り組みたい </t>
    <phoneticPr fontId="3"/>
  </si>
  <si>
    <t xml:space="preserve">輸出実績はあるが、新しい商品輸出に取り組みたい </t>
    <phoneticPr fontId="3"/>
  </si>
  <si>
    <t xml:space="preserve">輸出実績はあるが、新しい販路開拓方法に取り組みたい </t>
    <phoneticPr fontId="3"/>
  </si>
  <si>
    <t>鉱業・採石業・砂利採取業</t>
  </si>
  <si>
    <t>分類不能の産業</t>
  </si>
  <si>
    <t>農業</t>
  </si>
  <si>
    <t>漁業（水産養殖業を除く）</t>
  </si>
  <si>
    <t>総合工事業</t>
  </si>
  <si>
    <t>食料品製造業</t>
  </si>
  <si>
    <t>電気業</t>
  </si>
  <si>
    <t>通信業</t>
  </si>
  <si>
    <t>鉄道業</t>
  </si>
  <si>
    <t>各種商品卸売業</t>
  </si>
  <si>
    <t>銀行業</t>
  </si>
  <si>
    <t>不動産取引業</t>
  </si>
  <si>
    <t>学術・開発研究機関</t>
  </si>
  <si>
    <t>宿泊業</t>
  </si>
  <si>
    <t>洗濯・理容・美容・浴場業</t>
  </si>
  <si>
    <t>学校教育</t>
  </si>
  <si>
    <t>医療業</t>
  </si>
  <si>
    <t>郵便局</t>
  </si>
  <si>
    <t>廃棄物処理業</t>
  </si>
  <si>
    <t>国家公務</t>
  </si>
  <si>
    <t>林業</t>
  </si>
  <si>
    <t>水産養殖業</t>
  </si>
  <si>
    <t>職別工事業(設備工事業を除く)</t>
  </si>
  <si>
    <t>飲料・たばこ・飼料製造業</t>
  </si>
  <si>
    <t>ガス業</t>
  </si>
  <si>
    <t>放送業</t>
  </si>
  <si>
    <t>道路旅客運送業</t>
  </si>
  <si>
    <t>繊維・衣服等卸売業</t>
  </si>
  <si>
    <t>協同組織金融業</t>
  </si>
  <si>
    <t>不動産賃貸業・管理業</t>
  </si>
  <si>
    <t>専門サービス業（他に分類されないもの）</t>
  </si>
  <si>
    <t>飲食店</t>
  </si>
  <si>
    <t>その他の生活関連サービス業</t>
  </si>
  <si>
    <t>その他の教育，学習支援業</t>
  </si>
  <si>
    <t>保健衛生</t>
  </si>
  <si>
    <t>協同組合（他に分類されないもの）</t>
  </si>
  <si>
    <t>自動車整備業</t>
  </si>
  <si>
    <t>地方公務</t>
  </si>
  <si>
    <t>設備工事業</t>
  </si>
  <si>
    <t>繊維工業</t>
  </si>
  <si>
    <t>熱供給業</t>
  </si>
  <si>
    <t>情報サービス業</t>
  </si>
  <si>
    <t>道路貨物運送業</t>
  </si>
  <si>
    <t>飲食料品卸売業</t>
  </si>
  <si>
    <t>貸金業，クレジットカード業等非預金信用機関</t>
  </si>
  <si>
    <t>物品賃貸業</t>
  </si>
  <si>
    <t>広告業</t>
  </si>
  <si>
    <t>持ち帰り・配達飲食サービス業</t>
  </si>
  <si>
    <t>娯楽業</t>
  </si>
  <si>
    <t>社会保険・社会福祉・介護事業</t>
  </si>
  <si>
    <t>機械等修理業（別掲を除く）</t>
  </si>
  <si>
    <t>木材・木製品製造業（家具を除く）</t>
  </si>
  <si>
    <t>水道業</t>
  </si>
  <si>
    <t>インターネット附随サービス業</t>
  </si>
  <si>
    <t>水運業</t>
  </si>
  <si>
    <t>建築材料，鉱物・金属材料等卸売業</t>
  </si>
  <si>
    <t>金融商品取引業，商品先物取引業</t>
  </si>
  <si>
    <t>技術サービス業（他に分類されないもの）</t>
  </si>
  <si>
    <t>職業紹介・労働者派遣業</t>
  </si>
  <si>
    <t>家具・装備品製造業</t>
  </si>
  <si>
    <t>映像・音声・文字情報制作業</t>
  </si>
  <si>
    <t>航空運輸業</t>
  </si>
  <si>
    <t>機械器具卸売業</t>
  </si>
  <si>
    <t>補助的金融業等</t>
  </si>
  <si>
    <t>その他の事業サービス業</t>
  </si>
  <si>
    <t>パルプ・紙・紙加工品製造業</t>
  </si>
  <si>
    <t>倉庫業</t>
  </si>
  <si>
    <t>その他の卸売業</t>
  </si>
  <si>
    <t>保険業（保険媒介代理業，保険サービス業を含む）</t>
  </si>
  <si>
    <t>政治・経済・文化団体</t>
  </si>
  <si>
    <t>印刷・同関連業</t>
  </si>
  <si>
    <t>運輸に附帯するサービス業</t>
  </si>
  <si>
    <t>各種商品小売業</t>
  </si>
  <si>
    <t>宗教</t>
  </si>
  <si>
    <t>化学工業</t>
  </si>
  <si>
    <t>郵便業（信書便事業を含む）</t>
  </si>
  <si>
    <t>織物・衣服・身の回り品小売業</t>
  </si>
  <si>
    <t>その他のサービス業</t>
  </si>
  <si>
    <t>石油製品・石炭製品製造業</t>
  </si>
  <si>
    <t>飲食料品小売業</t>
  </si>
  <si>
    <t>外国公務</t>
  </si>
  <si>
    <t>プラスチック製品製造業（別掲を除く）</t>
  </si>
  <si>
    <t>機械器具小売業</t>
  </si>
  <si>
    <t>ゴム製品製造業</t>
  </si>
  <si>
    <t>その他の小売業</t>
  </si>
  <si>
    <t>なめし革・同製品・毛皮製造業</t>
  </si>
  <si>
    <t>無店舗小売業</t>
  </si>
  <si>
    <t>窯業・土石製品製造業</t>
  </si>
  <si>
    <t>鉄鋼業</t>
  </si>
  <si>
    <t>非鉄金属製造業</t>
  </si>
  <si>
    <t>金属製品製造業</t>
  </si>
  <si>
    <t>はん用機械器具製造業</t>
  </si>
  <si>
    <t>生産用機械器具製造業</t>
  </si>
  <si>
    <t>業務用機械器具製造業</t>
  </si>
  <si>
    <t>電子部品・デバイス・電子回路製造業</t>
  </si>
  <si>
    <t>電気機械器具製造業</t>
  </si>
  <si>
    <t>情報通信機械器具製造業</t>
  </si>
  <si>
    <t>輸送用機械器具製造業</t>
  </si>
  <si>
    <t>その他の製造業</t>
  </si>
  <si>
    <t>農業・林業</t>
    <phoneticPr fontId="3"/>
  </si>
  <si>
    <t>漁業</t>
    <phoneticPr fontId="3"/>
  </si>
  <si>
    <t>鉱業・採石業・砂利採取業</t>
    <phoneticPr fontId="3"/>
  </si>
  <si>
    <t>建設業</t>
    <phoneticPr fontId="3"/>
  </si>
  <si>
    <t>製造業</t>
    <phoneticPr fontId="3"/>
  </si>
  <si>
    <t>電気・ガス・熱供給・水道業</t>
    <phoneticPr fontId="3"/>
  </si>
  <si>
    <t>情報通信業</t>
    <phoneticPr fontId="3"/>
  </si>
  <si>
    <t>運輸業・郵便業</t>
    <phoneticPr fontId="3"/>
  </si>
  <si>
    <t>卸売業・小売業</t>
    <phoneticPr fontId="3"/>
  </si>
  <si>
    <t>分類不能の産業</t>
    <phoneticPr fontId="3"/>
  </si>
  <si>
    <t>公務・他に分類されるものを除く</t>
    <phoneticPr fontId="3"/>
  </si>
  <si>
    <t>サービス業・他に分類されないもの</t>
    <phoneticPr fontId="3"/>
  </si>
  <si>
    <t>複合サービス事業</t>
    <phoneticPr fontId="3"/>
  </si>
  <si>
    <t>医療・福祉</t>
    <phoneticPr fontId="3"/>
  </si>
  <si>
    <t>教育・学習支援業</t>
    <phoneticPr fontId="3"/>
  </si>
  <si>
    <t>生活関連サービス業・娯楽業</t>
    <phoneticPr fontId="3"/>
  </si>
  <si>
    <t>宿泊業・飲食サービス業</t>
    <phoneticPr fontId="3"/>
  </si>
  <si>
    <t>学術研究・専門・技術サービス業</t>
    <phoneticPr fontId="3"/>
  </si>
  <si>
    <t>不動産業・物品賃貸業</t>
    <phoneticPr fontId="3"/>
  </si>
  <si>
    <t>金融業・保険業</t>
    <phoneticPr fontId="3"/>
  </si>
  <si>
    <t>Maruichi
常設棚向け商品募集</t>
    <rPh sb="9" eb="13">
      <t>ジョウセツタナム</t>
    </rPh>
    <rPh sb="14" eb="18">
      <t>ショウヒンボシュウ</t>
    </rPh>
    <phoneticPr fontId="3"/>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fonts count="20" x14ac:knownFonts="1">
    <font>
      <sz val="11"/>
      <name val="ＭＳ Ｐゴシック"/>
      <family val="3"/>
      <charset val="128"/>
    </font>
    <font>
      <sz val="18"/>
      <color theme="3"/>
      <name val="游ゴシック Light"/>
      <family val="2"/>
      <charset val="128"/>
      <scheme val="major"/>
    </font>
    <font>
      <sz val="11"/>
      <name val="ＭＳ Ｐゴシック"/>
      <family val="3"/>
      <charset val="128"/>
    </font>
    <font>
      <sz val="6"/>
      <name val="ＭＳ Ｐゴシック"/>
      <family val="3"/>
      <charset val="128"/>
    </font>
    <font>
      <sz val="10"/>
      <name val="BIZ UDPゴシック"/>
      <family val="3"/>
      <charset val="128"/>
    </font>
    <font>
      <b/>
      <sz val="18"/>
      <name val="BIZ UDPゴシック"/>
      <family val="3"/>
      <charset val="128"/>
    </font>
    <font>
      <sz val="12"/>
      <name val="BIZ UDPゴシック"/>
      <family val="3"/>
      <charset val="128"/>
    </font>
    <font>
      <sz val="11"/>
      <color rgb="FFFF0000"/>
      <name val="BIZ UDPゴシック"/>
      <family val="3"/>
      <charset val="128"/>
    </font>
    <font>
      <sz val="11"/>
      <name val="BIZ UDPゴシック"/>
      <family val="3"/>
      <charset val="128"/>
    </font>
    <font>
      <sz val="9"/>
      <name val="BIZ UDPゴシック"/>
      <family val="3"/>
      <charset val="128"/>
    </font>
    <font>
      <sz val="8"/>
      <name val="BIZ UDPゴシック"/>
      <family val="3"/>
      <charset val="128"/>
    </font>
    <font>
      <sz val="11"/>
      <name val="Segoe UI Symbol"/>
      <family val="3"/>
    </font>
    <font>
      <b/>
      <sz val="11"/>
      <name val="BIZ UDPゴシック"/>
      <family val="3"/>
      <charset val="128"/>
    </font>
    <font>
      <sz val="12"/>
      <color rgb="FFFF0000"/>
      <name val="BIZ UDPゴシック"/>
      <family val="3"/>
      <charset val="128"/>
    </font>
    <font>
      <sz val="10"/>
      <color rgb="FFFF0000"/>
      <name val="BIZ UDPゴシック"/>
      <family val="3"/>
      <charset val="128"/>
    </font>
    <font>
      <sz val="14"/>
      <name val="BIZ UDPゴシック"/>
      <family val="3"/>
      <charset val="128"/>
    </font>
    <font>
      <u/>
      <sz val="11"/>
      <color indexed="12"/>
      <name val="ＭＳ Ｐゴシック"/>
      <family val="3"/>
      <charset val="128"/>
    </font>
    <font>
      <b/>
      <sz val="11"/>
      <name val="ＭＳ Ｐゴシック"/>
      <family val="3"/>
      <charset val="128"/>
    </font>
    <font>
      <b/>
      <sz val="18"/>
      <color theme="1"/>
      <name val="BIZ UDPゴシック"/>
      <family val="3"/>
      <charset val="128"/>
    </font>
    <font>
      <sz val="10"/>
      <name val="ＭＳ Ｐゴシック"/>
      <family val="3"/>
      <charset val="128"/>
    </font>
  </fonts>
  <fills count="8">
    <fill>
      <patternFill patternType="none"/>
    </fill>
    <fill>
      <patternFill patternType="gray125"/>
    </fill>
    <fill>
      <patternFill patternType="solid">
        <fgColor indexed="42"/>
        <bgColor indexed="64"/>
      </patternFill>
    </fill>
    <fill>
      <patternFill patternType="solid">
        <fgColor theme="0"/>
        <bgColor indexed="64"/>
      </patternFill>
    </fill>
    <fill>
      <patternFill patternType="solid">
        <fgColor theme="0" tint="-4.9989318521683403E-2"/>
        <bgColor indexed="64"/>
      </patternFill>
    </fill>
    <fill>
      <patternFill patternType="solid">
        <fgColor theme="0" tint="-0.14999847407452621"/>
        <bgColor indexed="64"/>
      </patternFill>
    </fill>
    <fill>
      <patternFill patternType="solid">
        <fgColor rgb="FFFFEFEF"/>
        <bgColor indexed="64"/>
      </patternFill>
    </fill>
    <fill>
      <patternFill patternType="solid">
        <fgColor rgb="FFF4F6E2"/>
        <bgColor indexed="64"/>
      </patternFill>
    </fill>
  </fills>
  <borders count="22">
    <border>
      <left/>
      <right/>
      <top/>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top/>
      <bottom/>
      <diagonal/>
    </border>
    <border>
      <left/>
      <right style="thin">
        <color indexed="64"/>
      </right>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style="thin">
        <color indexed="64"/>
      </right>
      <top style="thin">
        <color indexed="64"/>
      </top>
      <bottom style="thin">
        <color indexed="64"/>
      </bottom>
      <diagonal/>
    </border>
    <border>
      <left style="thin">
        <color indexed="64"/>
      </left>
      <right/>
      <top/>
      <bottom style="thin">
        <color indexed="64"/>
      </bottom>
      <diagonal/>
    </border>
    <border>
      <left/>
      <right/>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style="thin">
        <color indexed="64"/>
      </bottom>
      <diagonal/>
    </border>
    <border>
      <left/>
      <right style="thin">
        <color indexed="64"/>
      </right>
      <top/>
      <bottom/>
      <diagonal/>
    </border>
    <border>
      <left style="hair">
        <color indexed="64"/>
      </left>
      <right style="thin">
        <color indexed="64"/>
      </right>
      <top style="thin">
        <color indexed="64"/>
      </top>
      <bottom style="thin">
        <color indexed="64"/>
      </bottom>
      <diagonal/>
    </border>
    <border>
      <left style="hair">
        <color indexed="64"/>
      </left>
      <right/>
      <top style="thin">
        <color indexed="64"/>
      </top>
      <bottom style="thin">
        <color indexed="64"/>
      </bottom>
      <diagonal/>
    </border>
    <border>
      <left style="hair">
        <color auto="1"/>
      </left>
      <right style="hair">
        <color auto="1"/>
      </right>
      <top style="hair">
        <color auto="1"/>
      </top>
      <bottom style="hair">
        <color auto="1"/>
      </bottom>
      <diagonal/>
    </border>
    <border>
      <left style="thin">
        <color indexed="64"/>
      </left>
      <right style="thin">
        <color indexed="64"/>
      </right>
      <top/>
      <bottom/>
      <diagonal/>
    </border>
    <border>
      <left/>
      <right/>
      <top style="hair">
        <color indexed="64"/>
      </top>
      <bottom/>
      <diagonal/>
    </border>
    <border>
      <left style="thin">
        <color indexed="64"/>
      </left>
      <right style="thin">
        <color indexed="64"/>
      </right>
      <top style="thin">
        <color indexed="64"/>
      </top>
      <bottom style="hair">
        <color indexed="64"/>
      </bottom>
      <diagonal/>
    </border>
    <border>
      <left/>
      <right style="hair">
        <color indexed="64"/>
      </right>
      <top style="thin">
        <color indexed="64"/>
      </top>
      <bottom style="thin">
        <color indexed="64"/>
      </bottom>
      <diagonal/>
    </border>
  </borders>
  <cellStyleXfs count="4">
    <xf numFmtId="0" fontId="0" fillId="0" borderId="0">
      <alignment vertical="center"/>
    </xf>
    <xf numFmtId="38" fontId="2" fillId="0" borderId="0" applyFont="0" applyFill="0" applyBorder="0" applyAlignment="0" applyProtection="0">
      <alignment vertical="center"/>
    </xf>
    <xf numFmtId="0" fontId="2" fillId="0" borderId="0"/>
    <xf numFmtId="0" fontId="16" fillId="0" borderId="0" applyNumberFormat="0" applyFill="0" applyBorder="0" applyAlignment="0" applyProtection="0">
      <alignment vertical="top"/>
      <protection locked="0"/>
    </xf>
  </cellStyleXfs>
  <cellXfs count="166">
    <xf numFmtId="0" fontId="0" fillId="0" borderId="0" xfId="0">
      <alignment vertical="center"/>
    </xf>
    <xf numFmtId="0" fontId="4" fillId="0" borderId="0" xfId="0" applyFont="1" applyAlignment="1">
      <alignment horizontal="center" vertical="center"/>
    </xf>
    <xf numFmtId="0" fontId="4" fillId="0" borderId="0" xfId="0" applyFont="1">
      <alignment vertical="center"/>
    </xf>
    <xf numFmtId="0" fontId="8" fillId="3" borderId="2" xfId="0" applyFont="1" applyFill="1" applyBorder="1">
      <alignment vertical="center"/>
    </xf>
    <xf numFmtId="0" fontId="8" fillId="3" borderId="3" xfId="0" applyFont="1" applyFill="1" applyBorder="1">
      <alignment vertical="center"/>
    </xf>
    <xf numFmtId="0" fontId="4" fillId="3" borderId="0" xfId="0" applyFont="1" applyFill="1">
      <alignment vertical="center"/>
    </xf>
    <xf numFmtId="0" fontId="4" fillId="3" borderId="0" xfId="0" applyFont="1" applyFill="1" applyAlignment="1">
      <alignment horizontal="center" vertical="center"/>
    </xf>
    <xf numFmtId="0" fontId="4" fillId="0" borderId="3" xfId="0" applyFont="1" applyBorder="1" applyAlignment="1">
      <alignment horizontal="left" vertical="center"/>
    </xf>
    <xf numFmtId="0" fontId="4" fillId="3" borderId="11" xfId="0" applyFont="1" applyFill="1" applyBorder="1" applyAlignment="1">
      <alignment horizontal="center" vertical="center"/>
    </xf>
    <xf numFmtId="0" fontId="4" fillId="3" borderId="5" xfId="0" applyFont="1" applyFill="1" applyBorder="1" applyAlignment="1">
      <alignment horizontal="center" vertical="center"/>
    </xf>
    <xf numFmtId="0" fontId="4" fillId="3" borderId="11" xfId="0" applyFont="1" applyFill="1" applyBorder="1">
      <alignment vertical="center"/>
    </xf>
    <xf numFmtId="0" fontId="4" fillId="3" borderId="0" xfId="0" applyFont="1" applyFill="1" applyAlignment="1">
      <alignment horizontal="left" vertical="center"/>
    </xf>
    <xf numFmtId="0" fontId="4" fillId="3" borderId="19" xfId="0" applyFont="1" applyFill="1" applyBorder="1" applyAlignment="1">
      <alignment horizontal="center" vertical="center"/>
    </xf>
    <xf numFmtId="0" fontId="8" fillId="3" borderId="6" xfId="0" applyFont="1" applyFill="1" applyBorder="1" applyAlignment="1">
      <alignment vertical="center" wrapText="1"/>
    </xf>
    <xf numFmtId="0" fontId="8" fillId="3" borderId="7" xfId="0" applyFont="1" applyFill="1" applyBorder="1" applyAlignment="1">
      <alignment vertical="center" wrapText="1"/>
    </xf>
    <xf numFmtId="0" fontId="9" fillId="3" borderId="0" xfId="0" applyFont="1" applyFill="1">
      <alignment vertical="center"/>
    </xf>
    <xf numFmtId="0" fontId="8" fillId="3" borderId="0" xfId="0" applyFont="1" applyFill="1">
      <alignment vertical="center"/>
    </xf>
    <xf numFmtId="0" fontId="8" fillId="3" borderId="10" xfId="0" applyFont="1" applyFill="1" applyBorder="1" applyAlignment="1">
      <alignment vertical="center" wrapText="1"/>
    </xf>
    <xf numFmtId="0" fontId="8" fillId="3" borderId="11" xfId="0" applyFont="1" applyFill="1" applyBorder="1" applyAlignment="1">
      <alignment vertical="center" wrapText="1"/>
    </xf>
    <xf numFmtId="0" fontId="4" fillId="0" borderId="0" xfId="0" applyFont="1" applyAlignment="1">
      <alignment vertical="top"/>
    </xf>
    <xf numFmtId="0" fontId="9" fillId="3" borderId="7" xfId="0" applyFont="1" applyFill="1" applyBorder="1">
      <alignment vertical="center"/>
    </xf>
    <xf numFmtId="0" fontId="8" fillId="3" borderId="4" xfId="0" applyFont="1" applyFill="1" applyBorder="1">
      <alignment vertical="center"/>
    </xf>
    <xf numFmtId="0" fontId="9" fillId="3" borderId="11" xfId="0" applyFont="1" applyFill="1" applyBorder="1">
      <alignment vertical="center"/>
    </xf>
    <xf numFmtId="0" fontId="4" fillId="3" borderId="7" xfId="0" applyFont="1" applyFill="1" applyBorder="1">
      <alignment vertical="center"/>
    </xf>
    <xf numFmtId="0" fontId="4" fillId="3" borderId="14" xfId="0" applyFont="1" applyFill="1" applyBorder="1">
      <alignment vertical="center"/>
    </xf>
    <xf numFmtId="0" fontId="4" fillId="3" borderId="5" xfId="0" applyFont="1" applyFill="1" applyBorder="1">
      <alignment vertical="center"/>
    </xf>
    <xf numFmtId="0" fontId="4" fillId="3" borderId="8" xfId="0" applyFont="1" applyFill="1" applyBorder="1">
      <alignment vertical="center"/>
    </xf>
    <xf numFmtId="0" fontId="11" fillId="0" borderId="0" xfId="0" applyFont="1">
      <alignment vertical="center"/>
    </xf>
    <xf numFmtId="0" fontId="5" fillId="3" borderId="0" xfId="0" applyFont="1" applyFill="1" applyAlignment="1">
      <alignment horizontal="center" vertical="center" shrinkToFit="1"/>
    </xf>
    <xf numFmtId="0" fontId="5" fillId="3" borderId="0" xfId="0" applyFont="1" applyFill="1">
      <alignment vertical="center"/>
    </xf>
    <xf numFmtId="0" fontId="6" fillId="3" borderId="0" xfId="0" applyFont="1" applyFill="1" applyAlignment="1">
      <alignment horizontal="right" vertical="center"/>
    </xf>
    <xf numFmtId="0" fontId="10" fillId="0" borderId="15" xfId="0" applyFont="1" applyBorder="1">
      <alignment vertical="center"/>
    </xf>
    <xf numFmtId="38" fontId="6" fillId="3" borderId="2" xfId="1" applyFont="1" applyFill="1" applyBorder="1" applyAlignment="1">
      <alignment horizontal="left" vertical="center"/>
    </xf>
    <xf numFmtId="38" fontId="6" fillId="3" borderId="3" xfId="1" applyFont="1" applyFill="1" applyBorder="1" applyAlignment="1">
      <alignment horizontal="left" vertical="center"/>
    </xf>
    <xf numFmtId="0" fontId="4" fillId="3" borderId="0" xfId="0" applyFont="1" applyFill="1" applyAlignment="1">
      <alignment vertical="top"/>
    </xf>
    <xf numFmtId="0" fontId="12" fillId="3" borderId="0" xfId="0" applyFont="1" applyFill="1" applyAlignment="1">
      <alignment horizontal="center" vertical="center"/>
    </xf>
    <xf numFmtId="0" fontId="4" fillId="2" borderId="7" xfId="0" applyFont="1" applyFill="1" applyBorder="1" applyAlignment="1">
      <alignment vertical="center" wrapText="1"/>
    </xf>
    <xf numFmtId="0" fontId="4" fillId="2" borderId="0" xfId="0" applyFont="1" applyFill="1" applyAlignment="1">
      <alignment vertical="center" wrapText="1"/>
    </xf>
    <xf numFmtId="0" fontId="4" fillId="5" borderId="12" xfId="0" applyFont="1" applyFill="1" applyBorder="1" applyAlignment="1">
      <alignment horizontal="center" vertical="center" wrapText="1"/>
    </xf>
    <xf numFmtId="0" fontId="4" fillId="5" borderId="13" xfId="0" applyFont="1" applyFill="1" applyBorder="1" applyAlignment="1">
      <alignment horizontal="center" vertical="center" wrapText="1"/>
    </xf>
    <xf numFmtId="0" fontId="4" fillId="5" borderId="9" xfId="0" applyFont="1" applyFill="1" applyBorder="1" applyAlignment="1">
      <alignment horizontal="center" vertical="center" wrapText="1"/>
    </xf>
    <xf numFmtId="0" fontId="4" fillId="5" borderId="13" xfId="0" applyFont="1" applyFill="1" applyBorder="1" applyAlignment="1">
      <alignment horizontal="center" vertical="center"/>
    </xf>
    <xf numFmtId="0" fontId="4" fillId="5" borderId="6" xfId="0" applyFont="1" applyFill="1" applyBorder="1" applyAlignment="1">
      <alignment horizontal="center" vertical="center"/>
    </xf>
    <xf numFmtId="0" fontId="4" fillId="5" borderId="10" xfId="0" applyFont="1" applyFill="1" applyBorder="1" applyAlignment="1">
      <alignment horizontal="center" vertical="center" wrapText="1"/>
    </xf>
    <xf numFmtId="0" fontId="4" fillId="5" borderId="4" xfId="0" applyFont="1" applyFill="1" applyBorder="1" applyAlignment="1">
      <alignment horizontal="center" vertical="center" wrapText="1"/>
    </xf>
    <xf numFmtId="0" fontId="4" fillId="5" borderId="13" xfId="0" applyFont="1" applyFill="1" applyBorder="1" applyAlignment="1">
      <alignment vertical="center" wrapText="1"/>
    </xf>
    <xf numFmtId="0" fontId="4" fillId="5" borderId="20" xfId="0" applyFont="1" applyFill="1" applyBorder="1" applyAlignment="1">
      <alignment horizontal="center" vertical="center"/>
    </xf>
    <xf numFmtId="0" fontId="4" fillId="5" borderId="9" xfId="0" applyFont="1" applyFill="1" applyBorder="1" applyAlignment="1">
      <alignment horizontal="center" vertical="center"/>
    </xf>
    <xf numFmtId="0" fontId="4" fillId="6" borderId="11" xfId="0" applyFont="1" applyFill="1" applyBorder="1">
      <alignment vertical="center"/>
    </xf>
    <xf numFmtId="38" fontId="8" fillId="5" borderId="1" xfId="1" applyFont="1" applyFill="1" applyBorder="1" applyAlignment="1">
      <alignment horizontal="center" vertical="center" wrapText="1"/>
    </xf>
    <xf numFmtId="0" fontId="17" fillId="0" borderId="0" xfId="0" applyFont="1">
      <alignment vertical="center"/>
    </xf>
    <xf numFmtId="0" fontId="8" fillId="7" borderId="17" xfId="0" applyFont="1" applyFill="1" applyBorder="1" applyAlignment="1">
      <alignment horizontal="center" vertical="center"/>
    </xf>
    <xf numFmtId="0" fontId="4" fillId="7" borderId="17" xfId="0" applyFont="1" applyFill="1" applyBorder="1" applyAlignment="1">
      <alignment horizontal="center" vertical="center"/>
    </xf>
    <xf numFmtId="0" fontId="4" fillId="7" borderId="17" xfId="0" applyFont="1" applyFill="1" applyBorder="1">
      <alignment vertical="center"/>
    </xf>
    <xf numFmtId="0" fontId="12" fillId="7" borderId="17" xfId="0" applyFont="1" applyFill="1" applyBorder="1" applyAlignment="1">
      <alignment horizontal="center" vertical="center"/>
    </xf>
    <xf numFmtId="0" fontId="5" fillId="3" borderId="0" xfId="0" applyFont="1" applyFill="1" applyAlignment="1">
      <alignment vertical="center" wrapText="1"/>
    </xf>
    <xf numFmtId="0" fontId="4" fillId="5" borderId="12" xfId="0" applyFont="1" applyFill="1" applyBorder="1" applyAlignment="1">
      <alignment horizontal="center" vertical="center" wrapText="1"/>
    </xf>
    <xf numFmtId="0" fontId="4" fillId="5" borderId="18" xfId="0" applyFont="1" applyFill="1" applyBorder="1" applyAlignment="1">
      <alignment horizontal="center" vertical="center" wrapText="1"/>
    </xf>
    <xf numFmtId="0" fontId="4" fillId="5" borderId="13" xfId="0" applyFont="1" applyFill="1" applyBorder="1" applyAlignment="1">
      <alignment horizontal="center" vertical="center" wrapText="1"/>
    </xf>
    <xf numFmtId="0" fontId="10" fillId="4" borderId="1" xfId="0" applyFont="1" applyFill="1" applyBorder="1" applyAlignment="1">
      <alignment horizontal="center" vertical="center" wrapText="1"/>
    </xf>
    <xf numFmtId="0" fontId="10" fillId="4" borderId="2" xfId="0" applyFont="1" applyFill="1" applyBorder="1" applyAlignment="1">
      <alignment horizontal="center" vertical="center" wrapText="1"/>
    </xf>
    <xf numFmtId="0" fontId="10" fillId="4" borderId="3" xfId="0" applyFont="1" applyFill="1" applyBorder="1" applyAlignment="1">
      <alignment horizontal="center" vertical="center" wrapText="1"/>
    </xf>
    <xf numFmtId="0" fontId="4" fillId="7" borderId="6" xfId="0" applyFont="1" applyFill="1" applyBorder="1" applyAlignment="1">
      <alignment horizontal="center" vertical="center"/>
    </xf>
    <xf numFmtId="0" fontId="4" fillId="7" borderId="7" xfId="0" applyFont="1" applyFill="1" applyBorder="1" applyAlignment="1">
      <alignment horizontal="center" vertical="center"/>
    </xf>
    <xf numFmtId="0" fontId="4" fillId="7" borderId="8" xfId="0" applyFont="1" applyFill="1" applyBorder="1" applyAlignment="1">
      <alignment horizontal="center" vertical="center"/>
    </xf>
    <xf numFmtId="0" fontId="4" fillId="7" borderId="10" xfId="0" applyFont="1" applyFill="1" applyBorder="1" applyAlignment="1">
      <alignment horizontal="center" vertical="center"/>
    </xf>
    <xf numFmtId="0" fontId="4" fillId="7" borderId="11" xfId="0" applyFont="1" applyFill="1" applyBorder="1" applyAlignment="1">
      <alignment horizontal="center" vertical="center"/>
    </xf>
    <xf numFmtId="0" fontId="4" fillId="7" borderId="5" xfId="0" applyFont="1" applyFill="1" applyBorder="1" applyAlignment="1">
      <alignment horizontal="center" vertical="center"/>
    </xf>
    <xf numFmtId="0" fontId="8" fillId="0" borderId="1" xfId="0" applyFont="1" applyBorder="1" applyAlignment="1">
      <alignment horizontal="left" vertical="center" wrapText="1"/>
    </xf>
    <xf numFmtId="0" fontId="8" fillId="0" borderId="2" xfId="0" applyFont="1" applyBorder="1" applyAlignment="1">
      <alignment horizontal="left" vertical="center" wrapText="1"/>
    </xf>
    <xf numFmtId="0" fontId="8" fillId="0" borderId="3" xfId="0" applyFont="1" applyBorder="1" applyAlignment="1">
      <alignment horizontal="left" vertical="center" wrapText="1"/>
    </xf>
    <xf numFmtId="0" fontId="4" fillId="3" borderId="0" xfId="0" applyFont="1" applyFill="1" applyAlignment="1">
      <alignment horizontal="left" vertical="center"/>
    </xf>
    <xf numFmtId="0" fontId="4" fillId="3" borderId="14" xfId="0" applyFont="1" applyFill="1" applyBorder="1" applyAlignment="1">
      <alignment horizontal="left" vertical="center"/>
    </xf>
    <xf numFmtId="38" fontId="8" fillId="0" borderId="1" xfId="1" applyFont="1" applyFill="1" applyBorder="1" applyAlignment="1">
      <alignment horizontal="left" vertical="center" wrapText="1"/>
    </xf>
    <xf numFmtId="38" fontId="8" fillId="0" borderId="2" xfId="1" applyFont="1" applyFill="1" applyBorder="1" applyAlignment="1">
      <alignment horizontal="left" vertical="center" wrapText="1"/>
    </xf>
    <xf numFmtId="38" fontId="8" fillId="0" borderId="3" xfId="1" applyFont="1" applyFill="1" applyBorder="1" applyAlignment="1">
      <alignment horizontal="left" vertical="center" wrapText="1"/>
    </xf>
    <xf numFmtId="0" fontId="4" fillId="5" borderId="2" xfId="0" applyFont="1" applyFill="1" applyBorder="1" applyAlignment="1">
      <alignment horizontal="center" vertical="center"/>
    </xf>
    <xf numFmtId="0" fontId="4" fillId="5" borderId="3" xfId="0" applyFont="1" applyFill="1" applyBorder="1" applyAlignment="1">
      <alignment horizontal="center" vertical="center"/>
    </xf>
    <xf numFmtId="0" fontId="9" fillId="7" borderId="1" xfId="0" applyFont="1" applyFill="1" applyBorder="1" applyAlignment="1">
      <alignment horizontal="center" vertical="center"/>
    </xf>
    <xf numFmtId="0" fontId="9" fillId="7" borderId="2" xfId="0" applyFont="1" applyFill="1" applyBorder="1" applyAlignment="1">
      <alignment horizontal="center" vertical="center"/>
    </xf>
    <xf numFmtId="0" fontId="9" fillId="7" borderId="3" xfId="0" applyFont="1" applyFill="1" applyBorder="1" applyAlignment="1">
      <alignment horizontal="center" vertical="center"/>
    </xf>
    <xf numFmtId="0" fontId="4" fillId="7" borderId="1" xfId="0" applyFont="1" applyFill="1" applyBorder="1" applyAlignment="1">
      <alignment horizontal="center" vertical="center" wrapText="1"/>
    </xf>
    <xf numFmtId="0" fontId="4" fillId="7" borderId="2" xfId="0" applyFont="1" applyFill="1" applyBorder="1" applyAlignment="1">
      <alignment horizontal="center" vertical="center" wrapText="1"/>
    </xf>
    <xf numFmtId="0" fontId="4" fillId="7" borderId="3" xfId="0" applyFont="1" applyFill="1" applyBorder="1" applyAlignment="1">
      <alignment horizontal="center" vertical="center" wrapText="1"/>
    </xf>
    <xf numFmtId="0" fontId="4" fillId="0" borderId="1" xfId="0" applyFont="1" applyBorder="1">
      <alignment vertical="center"/>
    </xf>
    <xf numFmtId="0" fontId="4" fillId="0" borderId="2" xfId="0" applyFont="1" applyBorder="1">
      <alignment vertical="center"/>
    </xf>
    <xf numFmtId="0" fontId="4" fillId="7" borderId="1" xfId="0" applyFont="1" applyFill="1" applyBorder="1" applyAlignment="1">
      <alignment horizontal="left" vertical="center"/>
    </xf>
    <xf numFmtId="0" fontId="4" fillId="7" borderId="2" xfId="0" applyFont="1" applyFill="1" applyBorder="1" applyAlignment="1">
      <alignment horizontal="left" vertical="center"/>
    </xf>
    <xf numFmtId="0" fontId="4" fillId="7" borderId="3" xfId="0" applyFont="1" applyFill="1" applyBorder="1" applyAlignment="1">
      <alignment horizontal="left" vertical="center"/>
    </xf>
    <xf numFmtId="0" fontId="4" fillId="5" borderId="18" xfId="0" applyFont="1" applyFill="1" applyBorder="1" applyAlignment="1">
      <alignment horizontal="center" vertical="center"/>
    </xf>
    <xf numFmtId="0" fontId="4" fillId="5" borderId="13" xfId="0" applyFont="1" applyFill="1" applyBorder="1" applyAlignment="1">
      <alignment horizontal="center" vertical="center"/>
    </xf>
    <xf numFmtId="0" fontId="10" fillId="0" borderId="6" xfId="0" applyFont="1" applyBorder="1" applyAlignment="1">
      <alignment horizontal="center" vertical="center" wrapText="1"/>
    </xf>
    <xf numFmtId="0" fontId="10" fillId="0" borderId="7" xfId="0" applyFont="1" applyBorder="1" applyAlignment="1">
      <alignment horizontal="center" vertical="center" wrapText="1"/>
    </xf>
    <xf numFmtId="0" fontId="10" fillId="0" borderId="8" xfId="0" applyFont="1" applyBorder="1" applyAlignment="1">
      <alignment horizontal="center" vertical="center" wrapText="1"/>
    </xf>
    <xf numFmtId="0" fontId="10" fillId="0" borderId="4" xfId="0" applyFont="1" applyBorder="1" applyAlignment="1">
      <alignment horizontal="center" vertical="center" wrapText="1"/>
    </xf>
    <xf numFmtId="0" fontId="10" fillId="0" borderId="0" xfId="0" applyFont="1" applyAlignment="1">
      <alignment horizontal="center" vertical="center" wrapText="1"/>
    </xf>
    <xf numFmtId="0" fontId="10" fillId="0" borderId="14" xfId="0" applyFont="1" applyBorder="1" applyAlignment="1">
      <alignment horizontal="center" vertical="center" wrapText="1"/>
    </xf>
    <xf numFmtId="0" fontId="8" fillId="3" borderId="0" xfId="0" applyFont="1" applyFill="1" applyAlignment="1">
      <alignment horizontal="center" vertical="center"/>
    </xf>
    <xf numFmtId="38" fontId="6" fillId="3" borderId="9" xfId="1" applyFont="1" applyFill="1" applyBorder="1" applyAlignment="1">
      <alignment horizontal="left" vertical="center"/>
    </xf>
    <xf numFmtId="38" fontId="6" fillId="3" borderId="1" xfId="1" applyFont="1" applyFill="1" applyBorder="1" applyAlignment="1">
      <alignment horizontal="left" vertical="center"/>
    </xf>
    <xf numFmtId="0" fontId="7" fillId="0" borderId="20" xfId="0" applyFont="1" applyBorder="1">
      <alignment vertical="center"/>
    </xf>
    <xf numFmtId="0" fontId="15" fillId="0" borderId="13" xfId="0" applyFont="1" applyBorder="1" applyAlignment="1">
      <alignment vertical="top"/>
    </xf>
    <xf numFmtId="0" fontId="8" fillId="0" borderId="20" xfId="0" applyFont="1" applyBorder="1">
      <alignment vertical="center"/>
    </xf>
    <xf numFmtId="0" fontId="15" fillId="0" borderId="13" xfId="0" applyFont="1" applyBorder="1">
      <alignment vertical="center"/>
    </xf>
    <xf numFmtId="0" fontId="4" fillId="0" borderId="2" xfId="0" applyFont="1" applyBorder="1" applyAlignment="1">
      <alignment horizontal="left" vertical="center"/>
    </xf>
    <xf numFmtId="0" fontId="4" fillId="0" borderId="3" xfId="0" applyFont="1" applyBorder="1" applyAlignment="1">
      <alignment horizontal="left" vertical="center"/>
    </xf>
    <xf numFmtId="0" fontId="4" fillId="0" borderId="9" xfId="0" applyFont="1" applyBorder="1" applyAlignment="1">
      <alignment horizontal="left" vertical="center"/>
    </xf>
    <xf numFmtId="0" fontId="4" fillId="0" borderId="1" xfId="0" applyFont="1" applyBorder="1" applyAlignment="1">
      <alignment horizontal="left" vertical="center"/>
    </xf>
    <xf numFmtId="0" fontId="8" fillId="3" borderId="2" xfId="0" applyFont="1" applyFill="1" applyBorder="1" applyAlignment="1">
      <alignment horizontal="center" vertical="center"/>
    </xf>
    <xf numFmtId="0" fontId="4" fillId="3" borderId="1" xfId="0" applyFont="1" applyFill="1" applyBorder="1" applyAlignment="1">
      <alignment horizontal="center" vertical="center"/>
    </xf>
    <xf numFmtId="0" fontId="4" fillId="3" borderId="2" xfId="0" applyFont="1" applyFill="1" applyBorder="1" applyAlignment="1">
      <alignment horizontal="center" vertical="center"/>
    </xf>
    <xf numFmtId="0" fontId="4" fillId="5" borderId="9" xfId="0" applyFont="1" applyFill="1" applyBorder="1" applyAlignment="1">
      <alignment horizontal="center" vertical="center" wrapText="1"/>
    </xf>
    <xf numFmtId="0" fontId="4" fillId="4" borderId="2" xfId="0" applyFont="1" applyFill="1" applyBorder="1" applyAlignment="1">
      <alignment horizontal="center" vertical="center"/>
    </xf>
    <xf numFmtId="0" fontId="4" fillId="4" borderId="3" xfId="0" applyFont="1" applyFill="1" applyBorder="1" applyAlignment="1">
      <alignment horizontal="center" vertical="center"/>
    </xf>
    <xf numFmtId="0" fontId="4" fillId="5" borderId="1" xfId="0" applyFont="1" applyFill="1" applyBorder="1" applyAlignment="1">
      <alignment horizontal="center" vertical="center"/>
    </xf>
    <xf numFmtId="0" fontId="4" fillId="3" borderId="4" xfId="0" applyFont="1" applyFill="1" applyBorder="1" applyAlignment="1">
      <alignment horizontal="center" vertical="center"/>
    </xf>
    <xf numFmtId="0" fontId="4" fillId="3" borderId="0" xfId="0" applyFont="1" applyFill="1" applyAlignment="1">
      <alignment horizontal="center" vertical="center"/>
    </xf>
    <xf numFmtId="0" fontId="4" fillId="3" borderId="14" xfId="0" applyFont="1" applyFill="1" applyBorder="1" applyAlignment="1">
      <alignment horizontal="center" vertical="center"/>
    </xf>
    <xf numFmtId="0" fontId="4" fillId="3" borderId="10" xfId="0" applyFont="1" applyFill="1" applyBorder="1" applyAlignment="1">
      <alignment horizontal="center" vertical="center"/>
    </xf>
    <xf numFmtId="0" fontId="4" fillId="3" borderId="11" xfId="0" applyFont="1" applyFill="1" applyBorder="1" applyAlignment="1">
      <alignment horizontal="center" vertical="center"/>
    </xf>
    <xf numFmtId="0" fontId="4" fillId="3" borderId="5" xfId="0" applyFont="1" applyFill="1" applyBorder="1" applyAlignment="1">
      <alignment horizontal="center" vertical="center"/>
    </xf>
    <xf numFmtId="0" fontId="4" fillId="5" borderId="9" xfId="0" applyFont="1" applyFill="1" applyBorder="1" applyAlignment="1">
      <alignment horizontal="center" vertical="center"/>
    </xf>
    <xf numFmtId="0" fontId="6" fillId="0" borderId="1" xfId="0" applyFont="1" applyBorder="1" applyAlignment="1">
      <alignment horizontal="left" vertical="center"/>
    </xf>
    <xf numFmtId="0" fontId="6" fillId="0" borderId="2" xfId="0" applyFont="1" applyBorder="1" applyAlignment="1">
      <alignment horizontal="left" vertical="center"/>
    </xf>
    <xf numFmtId="0" fontId="18" fillId="7" borderId="1" xfId="0" applyFont="1" applyFill="1" applyBorder="1" applyAlignment="1">
      <alignment horizontal="center" vertical="center" wrapText="1"/>
    </xf>
    <xf numFmtId="0" fontId="18" fillId="7" borderId="2" xfId="0" applyFont="1" applyFill="1" applyBorder="1" applyAlignment="1">
      <alignment horizontal="center" vertical="center"/>
    </xf>
    <xf numFmtId="0" fontId="18" fillId="7" borderId="3" xfId="0" applyFont="1" applyFill="1" applyBorder="1" applyAlignment="1">
      <alignment horizontal="center" vertical="center"/>
    </xf>
    <xf numFmtId="0" fontId="4" fillId="3" borderId="3" xfId="0" applyFont="1" applyFill="1" applyBorder="1" applyAlignment="1">
      <alignment horizontal="center" vertical="center"/>
    </xf>
    <xf numFmtId="0" fontId="4" fillId="0" borderId="16" xfId="0" applyFont="1" applyBorder="1" applyAlignment="1">
      <alignment horizontal="left" vertical="center"/>
    </xf>
    <xf numFmtId="0" fontId="6" fillId="0" borderId="1" xfId="0" applyFont="1" applyBorder="1" applyAlignment="1">
      <alignment horizontal="center" vertical="center"/>
    </xf>
    <xf numFmtId="0" fontId="6" fillId="0" borderId="2" xfId="0" applyFont="1" applyBorder="1" applyAlignment="1">
      <alignment horizontal="center" vertical="center"/>
    </xf>
    <xf numFmtId="0" fontId="6" fillId="0" borderId="3" xfId="0" applyFont="1" applyBorder="1" applyAlignment="1">
      <alignment horizontal="center" vertical="center"/>
    </xf>
    <xf numFmtId="38" fontId="13" fillId="3" borderId="1" xfId="1" applyFont="1" applyFill="1" applyBorder="1" applyAlignment="1">
      <alignment horizontal="center" vertical="center"/>
    </xf>
    <xf numFmtId="38" fontId="13" fillId="3" borderId="2" xfId="1" applyFont="1" applyFill="1" applyBorder="1" applyAlignment="1">
      <alignment horizontal="center" vertical="center"/>
    </xf>
    <xf numFmtId="38" fontId="13" fillId="3" borderId="3" xfId="1" applyFont="1" applyFill="1" applyBorder="1" applyAlignment="1">
      <alignment horizontal="center" vertical="center"/>
    </xf>
    <xf numFmtId="0" fontId="4" fillId="5" borderId="1" xfId="0" applyFont="1" applyFill="1" applyBorder="1" applyAlignment="1">
      <alignment horizontal="center" vertical="center" wrapText="1"/>
    </xf>
    <xf numFmtId="0" fontId="4" fillId="5" borderId="2" xfId="0" applyFont="1" applyFill="1" applyBorder="1" applyAlignment="1">
      <alignment horizontal="center" vertical="center" wrapText="1"/>
    </xf>
    <xf numFmtId="0" fontId="4" fillId="5" borderId="3" xfId="0" applyFont="1" applyFill="1" applyBorder="1" applyAlignment="1">
      <alignment horizontal="center" vertical="center" wrapText="1"/>
    </xf>
    <xf numFmtId="0" fontId="14" fillId="0" borderId="1" xfId="0" applyFont="1" applyBorder="1" applyAlignment="1">
      <alignment horizontal="center" vertical="center"/>
    </xf>
    <xf numFmtId="0" fontId="14" fillId="0" borderId="2" xfId="0" applyFont="1" applyBorder="1" applyAlignment="1">
      <alignment horizontal="center" vertical="center"/>
    </xf>
    <xf numFmtId="0" fontId="19" fillId="0" borderId="0" xfId="0" applyFont="1" applyAlignment="1">
      <alignment vertical="center" wrapText="1"/>
    </xf>
    <xf numFmtId="0" fontId="19" fillId="0" borderId="0" xfId="0" applyFont="1">
      <alignment vertical="center"/>
    </xf>
    <xf numFmtId="0" fontId="9" fillId="7" borderId="1" xfId="0" applyFont="1" applyFill="1" applyBorder="1" applyAlignment="1">
      <alignment horizontal="center" vertical="center" wrapText="1"/>
    </xf>
    <xf numFmtId="0" fontId="9" fillId="7" borderId="2" xfId="0" applyFont="1" applyFill="1" applyBorder="1" applyAlignment="1">
      <alignment horizontal="center" vertical="center" wrapText="1"/>
    </xf>
    <xf numFmtId="0" fontId="9" fillId="7" borderId="3" xfId="0" applyFont="1" applyFill="1" applyBorder="1" applyAlignment="1">
      <alignment horizontal="center" vertical="center" wrapText="1"/>
    </xf>
    <xf numFmtId="0" fontId="9" fillId="3" borderId="6" xfId="0" applyFont="1" applyFill="1" applyBorder="1" applyAlignment="1">
      <alignment horizontal="center" vertical="center" wrapText="1"/>
    </xf>
    <xf numFmtId="0" fontId="9" fillId="3" borderId="7" xfId="0" applyFont="1" applyFill="1" applyBorder="1" applyAlignment="1">
      <alignment horizontal="center" vertical="center" wrapText="1"/>
    </xf>
    <xf numFmtId="0" fontId="9" fillId="3" borderId="8" xfId="0" applyFont="1" applyFill="1" applyBorder="1" applyAlignment="1">
      <alignment horizontal="center" vertical="center" wrapText="1"/>
    </xf>
    <xf numFmtId="0" fontId="9" fillId="3" borderId="4" xfId="0" applyFont="1" applyFill="1" applyBorder="1" applyAlignment="1">
      <alignment horizontal="center" vertical="center" wrapText="1"/>
    </xf>
    <xf numFmtId="0" fontId="9" fillId="3" borderId="0" xfId="0" applyFont="1" applyFill="1" applyAlignment="1">
      <alignment horizontal="center" vertical="center" wrapText="1"/>
    </xf>
    <xf numFmtId="0" fontId="9" fillId="3" borderId="14" xfId="0" applyFont="1" applyFill="1" applyBorder="1" applyAlignment="1">
      <alignment horizontal="center" vertical="center" wrapText="1"/>
    </xf>
    <xf numFmtId="0" fontId="9" fillId="3" borderId="10" xfId="0" applyFont="1" applyFill="1" applyBorder="1" applyAlignment="1">
      <alignment horizontal="center" vertical="center" wrapText="1"/>
    </xf>
    <xf numFmtId="0" fontId="9" fillId="3" borderId="11" xfId="0" applyFont="1" applyFill="1" applyBorder="1" applyAlignment="1">
      <alignment horizontal="center" vertical="center" wrapText="1"/>
    </xf>
    <xf numFmtId="0" fontId="9" fillId="3" borderId="5" xfId="0" applyFont="1" applyFill="1" applyBorder="1" applyAlignment="1">
      <alignment horizontal="center" vertical="center" wrapText="1"/>
    </xf>
    <xf numFmtId="0" fontId="8" fillId="3" borderId="1" xfId="0" applyFont="1" applyFill="1" applyBorder="1" applyAlignment="1">
      <alignment horizontal="left" vertical="center" wrapText="1"/>
    </xf>
    <xf numFmtId="0" fontId="8" fillId="3" borderId="2" xfId="0" applyFont="1" applyFill="1" applyBorder="1" applyAlignment="1">
      <alignment horizontal="left" vertical="center" wrapText="1"/>
    </xf>
    <xf numFmtId="0" fontId="8" fillId="3" borderId="3" xfId="0" applyFont="1" applyFill="1" applyBorder="1" applyAlignment="1">
      <alignment horizontal="left" vertical="center" wrapText="1"/>
    </xf>
    <xf numFmtId="38" fontId="8" fillId="3" borderId="16" xfId="1" applyFont="1" applyFill="1" applyBorder="1" applyAlignment="1">
      <alignment horizontal="center" vertical="center" wrapText="1"/>
    </xf>
    <xf numFmtId="38" fontId="8" fillId="3" borderId="2" xfId="1" applyFont="1" applyFill="1" applyBorder="1" applyAlignment="1">
      <alignment horizontal="center" vertical="center" wrapText="1"/>
    </xf>
    <xf numFmtId="38" fontId="8" fillId="3" borderId="3" xfId="1" applyFont="1" applyFill="1" applyBorder="1" applyAlignment="1">
      <alignment horizontal="center" vertical="center" wrapText="1"/>
    </xf>
    <xf numFmtId="0" fontId="9" fillId="3" borderId="1" xfId="0" applyFont="1" applyFill="1" applyBorder="1" applyAlignment="1">
      <alignment horizontal="center" vertical="center"/>
    </xf>
    <xf numFmtId="0" fontId="9" fillId="3" borderId="2" xfId="0" applyFont="1" applyFill="1" applyBorder="1" applyAlignment="1">
      <alignment horizontal="center" vertical="center"/>
    </xf>
    <xf numFmtId="0" fontId="9" fillId="3" borderId="3" xfId="0" applyFont="1" applyFill="1" applyBorder="1" applyAlignment="1">
      <alignment horizontal="center" vertical="center"/>
    </xf>
    <xf numFmtId="38" fontId="8" fillId="7" borderId="1" xfId="1" applyFont="1" applyFill="1" applyBorder="1" applyAlignment="1">
      <alignment horizontal="center" vertical="center"/>
    </xf>
    <xf numFmtId="38" fontId="8" fillId="7" borderId="2" xfId="1" applyFont="1" applyFill="1" applyBorder="1" applyAlignment="1">
      <alignment horizontal="center" vertical="center"/>
    </xf>
    <xf numFmtId="38" fontId="8" fillId="7" borderId="21" xfId="1" applyFont="1" applyFill="1" applyBorder="1" applyAlignment="1">
      <alignment horizontal="center" vertical="center"/>
    </xf>
  </cellXfs>
  <cellStyles count="4">
    <cellStyle name="ハイパーリンク 2" xfId="3" xr:uid="{C7F45C5A-BDA7-41C4-98C8-22E1CBF69D54}"/>
    <cellStyle name="桁区切り" xfId="1" builtinId="6"/>
    <cellStyle name="標準" xfId="0" builtinId="0"/>
    <cellStyle name="標準 2" xfId="2" xr:uid="{47CB4C5E-517F-4300-80E6-C21C4D4F567D}"/>
  </cellStyles>
  <dxfs count="0"/>
  <tableStyles count="0" defaultTableStyle="TableStyleMedium2" defaultPivotStyle="PivotStyleLight16"/>
  <colors>
    <mruColors>
      <color rgb="FF0000FF"/>
      <color rgb="FFF4F6E2"/>
      <color rgb="FFD8E199"/>
      <color rgb="FFFF5D5D"/>
      <color rgb="FFFFEFEF"/>
      <color rgb="FFFFE5E5"/>
      <color rgb="FFCCFFCC"/>
      <color rgb="FFFFFF99"/>
      <color rgb="FF2F528F"/>
      <color rgb="FFE9EDF7"/>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calcChain" Target="calcChain.xml"/><Relationship Id="rId5" Type="http://schemas.openxmlformats.org/officeDocument/2006/relationships/sharedStrings" Target="sharedStrings.xml"/><Relationship Id="rId4" Type="http://schemas.openxmlformats.org/officeDocument/2006/relationships/styles" Target="styles.xml"/></Relationships>
</file>

<file path=xl/ctrlProps/ctrlProp1.xml><?xml version="1.0" encoding="utf-8"?>
<formControlPr xmlns="http://schemas.microsoft.com/office/spreadsheetml/2009/9/main" objectType="GBox" noThreeD="1"/>
</file>

<file path=xl/drawings/_rels/drawing1.xml.rels><?xml version="1.0" encoding="UTF-8" standalone="yes"?>
<Relationships xmlns="http://schemas.openxmlformats.org/package/2006/relationships"><Relationship Id="rId1" Type="http://schemas.openxmlformats.org/officeDocument/2006/relationships/image" Target="../media/image1.jpeg"/></Relationships>
</file>

<file path=xl/drawings/drawing1.xml><?xml version="1.0" encoding="utf-8"?>
<xdr:wsDr xmlns:xdr="http://schemas.openxmlformats.org/drawingml/2006/spreadsheetDrawing" xmlns:a="http://schemas.openxmlformats.org/drawingml/2006/main">
  <xdr:twoCellAnchor>
    <xdr:from>
      <xdr:col>17</xdr:col>
      <xdr:colOff>66500</xdr:colOff>
      <xdr:row>4</xdr:row>
      <xdr:rowOff>149713</xdr:rowOff>
    </xdr:from>
    <xdr:to>
      <xdr:col>28</xdr:col>
      <xdr:colOff>233448</xdr:colOff>
      <xdr:row>12</xdr:row>
      <xdr:rowOff>293075</xdr:rowOff>
    </xdr:to>
    <xdr:sp macro="" textlink="">
      <xdr:nvSpPr>
        <xdr:cNvPr id="3" name="Rectangle 2">
          <a:extLst>
            <a:ext uri="{FF2B5EF4-FFF2-40B4-BE49-F238E27FC236}">
              <a16:creationId xmlns:a16="http://schemas.microsoft.com/office/drawing/2014/main" id="{00000000-0008-0000-0000-000003000000}"/>
            </a:ext>
          </a:extLst>
        </xdr:cNvPr>
        <xdr:cNvSpPr>
          <a:spLocks noChangeArrowheads="1"/>
        </xdr:cNvSpPr>
      </xdr:nvSpPr>
      <xdr:spPr bwMode="auto">
        <a:xfrm>
          <a:off x="6085044" y="1929109"/>
          <a:ext cx="3390794" cy="3178801"/>
        </a:xfrm>
        <a:prstGeom prst="rect">
          <a:avLst/>
        </a:prstGeom>
        <a:noFill/>
        <a:ln w="3175">
          <a:solidFill>
            <a:srgbClr val="000000"/>
          </a:solidFill>
          <a:prstDash val="sysDash"/>
          <a:miter lim="800000"/>
          <a:headEnd/>
          <a:tailEnd/>
        </a:ln>
        <a:extLst>
          <a:ext uri="{909E8E84-426E-40DD-AFC4-6F175D3DCCD1}">
            <a14:hiddenFill xmlns:a14="http://schemas.microsoft.com/office/drawing/2010/main">
              <a:solidFill>
                <a:srgbClr val="FFFFFF"/>
              </a:solidFill>
            </a14:hiddenFill>
          </a:ext>
        </a:extLst>
      </xdr:spPr>
    </xdr:sp>
    <xdr:clientData/>
  </xdr:twoCellAnchor>
  <mc:AlternateContent xmlns:mc="http://schemas.openxmlformats.org/markup-compatibility/2006">
    <mc:Choice xmlns:a14="http://schemas.microsoft.com/office/drawing/2010/main" Requires="a14">
      <xdr:twoCellAnchor editAs="oneCell">
        <xdr:from>
          <xdr:col>36</xdr:col>
          <xdr:colOff>203200</xdr:colOff>
          <xdr:row>18</xdr:row>
          <xdr:rowOff>0</xdr:rowOff>
        </xdr:from>
        <xdr:to>
          <xdr:col>38</xdr:col>
          <xdr:colOff>527050</xdr:colOff>
          <xdr:row>19</xdr:row>
          <xdr:rowOff>88900</xdr:rowOff>
        </xdr:to>
        <xdr:sp macro="" textlink="">
          <xdr:nvSpPr>
            <xdr:cNvPr id="17459" name="Group Box 51" hidden="1">
              <a:extLst>
                <a:ext uri="{63B3BB69-23CF-44E3-9099-C40C66FF867C}">
                  <a14:compatExt spid="_x0000_s17459"/>
                </a:ext>
                <a:ext uri="{FF2B5EF4-FFF2-40B4-BE49-F238E27FC236}">
                  <a16:creationId xmlns:a16="http://schemas.microsoft.com/office/drawing/2014/main" id="{00000000-0008-0000-0000-00003344000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xdr:twoCellAnchor>
    </mc:Choice>
    <mc:Fallback/>
  </mc:AlternateContent>
  <xdr:twoCellAnchor>
    <xdr:from>
      <xdr:col>2</xdr:col>
      <xdr:colOff>369794</xdr:colOff>
      <xdr:row>45</xdr:row>
      <xdr:rowOff>100852</xdr:rowOff>
    </xdr:from>
    <xdr:to>
      <xdr:col>7</xdr:col>
      <xdr:colOff>313765</xdr:colOff>
      <xdr:row>55</xdr:row>
      <xdr:rowOff>56029</xdr:rowOff>
    </xdr:to>
    <xdr:sp macro="" textlink="">
      <xdr:nvSpPr>
        <xdr:cNvPr id="16" name="四角形吹き出し 6">
          <a:extLst>
            <a:ext uri="{FF2B5EF4-FFF2-40B4-BE49-F238E27FC236}">
              <a16:creationId xmlns:a16="http://schemas.microsoft.com/office/drawing/2014/main" id="{00000000-0008-0000-0000-000010000000}"/>
            </a:ext>
          </a:extLst>
        </xdr:cNvPr>
        <xdr:cNvSpPr/>
      </xdr:nvSpPr>
      <xdr:spPr>
        <a:xfrm>
          <a:off x="2408144" y="16712452"/>
          <a:ext cx="4173071" cy="1479177"/>
        </a:xfrm>
        <a:prstGeom prst="wedgeRectCallout">
          <a:avLst/>
        </a:prstGeom>
        <a:noFill/>
        <a:ln w="19050">
          <a:solidFill>
            <a:schemeClr val="accent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1100">
              <a:solidFill>
                <a:schemeClr val="accent5">
                  <a:lumMod val="50000"/>
                </a:schemeClr>
              </a:solidFill>
            </a:rPr>
            <a:t>エントリー商品が複数校ある場合は、ページをコピーして枚数を増やしてください</a:t>
          </a:r>
        </a:p>
      </xdr:txBody>
    </xdr:sp>
    <xdr:clientData/>
  </xdr:twoCellAnchor>
  <xdr:twoCellAnchor editAs="oneCell">
    <xdr:from>
      <xdr:col>25</xdr:col>
      <xdr:colOff>177939</xdr:colOff>
      <xdr:row>0</xdr:row>
      <xdr:rowOff>29997</xdr:rowOff>
    </xdr:from>
    <xdr:to>
      <xdr:col>28</xdr:col>
      <xdr:colOff>142688</xdr:colOff>
      <xdr:row>1</xdr:row>
      <xdr:rowOff>6349</xdr:rowOff>
    </xdr:to>
    <xdr:pic>
      <xdr:nvPicPr>
        <xdr:cNvPr id="2" name="図 1">
          <a:extLst>
            <a:ext uri="{FF2B5EF4-FFF2-40B4-BE49-F238E27FC236}">
              <a16:creationId xmlns:a16="http://schemas.microsoft.com/office/drawing/2014/main" id="{00000000-0008-0000-0000-000002000000}"/>
            </a:ext>
          </a:extLst>
        </xdr:cNvPr>
        <xdr:cNvPicPr>
          <a:picLocks noChangeAspect="1"/>
        </xdr:cNvPicPr>
      </xdr:nvPicPr>
      <xdr:blipFill>
        <a:blip xmlns:r="http://schemas.openxmlformats.org/officeDocument/2006/relationships" r:embed="rId1" cstate="print">
          <a:extLst>
            <a:ext uri="{28A0092B-C50C-407E-A947-70E740481C1C}">
              <a14:useLocalDpi xmlns:a14="http://schemas.microsoft.com/office/drawing/2010/main" val="0"/>
            </a:ext>
          </a:extLst>
        </a:blip>
        <a:srcRect/>
        <a:stretch>
          <a:fillRect/>
        </a:stretch>
      </xdr:blipFill>
      <xdr:spPr bwMode="auto">
        <a:xfrm>
          <a:off x="9441263" y="29997"/>
          <a:ext cx="944533" cy="608491"/>
        </a:xfrm>
        <a:prstGeom prst="rect">
          <a:avLst/>
        </a:prstGeom>
        <a:noFill/>
        <a:ln>
          <a:solidFill>
            <a:schemeClr val="bg1"/>
          </a:solidFill>
        </a:ln>
      </xdr:spPr>
    </xdr:pic>
    <xdr:clientData/>
  </xdr:twoCellAnchor>
</xdr:wsDr>
</file>

<file path=xl/theme/theme1.xml><?xml version="1.0" encoding="utf-8"?>
<a:theme xmlns:a="http://schemas.openxmlformats.org/drawingml/2006/main" name="Office 2013 - 2022 テーマ">
  <a:themeElements>
    <a:clrScheme name="Office 2013 - 2022">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2013 - 2022">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2013 - 2022">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2013 - 2022 Theme" id="{62F939B6-93AF-4DB8-9C6B-D6C7DFDC589F}" vid="{4A3C46E8-61CC-4603-A589-7422A47A8E4A}"/>
    </a:ext>
  </a:extLst>
</a:theme>
</file>

<file path=xl/worksheets/_rels/sheet1.xml.rels><?xml version="1.0" encoding="UTF-8" standalone="yes"?>
<Relationships xmlns="http://schemas.openxmlformats.org/package/2006/relationships"><Relationship Id="rId3" Type="http://schemas.openxmlformats.org/officeDocument/2006/relationships/vmlDrawing" Target="../drawings/vmlDrawing1.vml"/><Relationship Id="rId2" Type="http://schemas.openxmlformats.org/officeDocument/2006/relationships/drawing" Target="../drawings/drawing1.xml"/><Relationship Id="rId1" Type="http://schemas.openxmlformats.org/officeDocument/2006/relationships/printerSettings" Target="../printerSettings/printerSettings1.bin"/><Relationship Id="rId4" Type="http://schemas.openxmlformats.org/officeDocument/2006/relationships/ctrlProp" Target="../ctrlProps/ctrlProp1.xml"/></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100-000000000000}">
  <sheetPr>
    <pageSetUpPr fitToPage="1"/>
  </sheetPr>
  <dimension ref="A1:AC57"/>
  <sheetViews>
    <sheetView showGridLines="0" tabSelected="1" view="pageBreakPreview" zoomScale="91" zoomScaleNormal="77" zoomScaleSheetLayoutView="91" zoomScalePageLayoutView="70" workbookViewId="0">
      <selection sqref="A1:F1"/>
    </sheetView>
  </sheetViews>
  <sheetFormatPr defaultRowHeight="11.5" x14ac:dyDescent="0.2"/>
  <cols>
    <col min="1" max="1" width="14.453125" style="1" customWidth="1"/>
    <col min="2" max="2" width="14.6328125" style="1" customWidth="1"/>
    <col min="3" max="4" width="4" style="2" customWidth="1"/>
    <col min="5" max="7" width="4" style="1" customWidth="1"/>
    <col min="8" max="11" width="4" style="2" customWidth="1"/>
    <col min="12" max="14" width="4.26953125" style="2" customWidth="1"/>
    <col min="15" max="15" width="1.26953125" style="2" customWidth="1"/>
    <col min="16" max="31" width="4.26953125" style="2" customWidth="1"/>
    <col min="32" max="258" width="9" style="2"/>
    <col min="259" max="259" width="13.26953125" style="2" customWidth="1"/>
    <col min="260" max="260" width="17.08984375" style="2" customWidth="1"/>
    <col min="261" max="261" width="8.453125" style="2" customWidth="1"/>
    <col min="262" max="262" width="16.453125" style="2" customWidth="1"/>
    <col min="263" max="263" width="17.453125" style="2" customWidth="1"/>
    <col min="264" max="264" width="9.7265625" style="2" customWidth="1"/>
    <col min="265" max="265" width="9.90625" style="2" customWidth="1"/>
    <col min="266" max="266" width="9" style="2"/>
    <col min="267" max="267" width="7.36328125" style="2" customWidth="1"/>
    <col min="268" max="268" width="5.26953125" style="2" customWidth="1"/>
    <col min="269" max="514" width="9" style="2"/>
    <col min="515" max="515" width="13.26953125" style="2" customWidth="1"/>
    <col min="516" max="516" width="17.08984375" style="2" customWidth="1"/>
    <col min="517" max="517" width="8.453125" style="2" customWidth="1"/>
    <col min="518" max="518" width="16.453125" style="2" customWidth="1"/>
    <col min="519" max="519" width="17.453125" style="2" customWidth="1"/>
    <col min="520" max="520" width="9.7265625" style="2" customWidth="1"/>
    <col min="521" max="521" width="9.90625" style="2" customWidth="1"/>
    <col min="522" max="522" width="9" style="2"/>
    <col min="523" max="523" width="7.36328125" style="2" customWidth="1"/>
    <col min="524" max="524" width="5.26953125" style="2" customWidth="1"/>
    <col min="525" max="770" width="9" style="2"/>
    <col min="771" max="771" width="13.26953125" style="2" customWidth="1"/>
    <col min="772" max="772" width="17.08984375" style="2" customWidth="1"/>
    <col min="773" max="773" width="8.453125" style="2" customWidth="1"/>
    <col min="774" max="774" width="16.453125" style="2" customWidth="1"/>
    <col min="775" max="775" width="17.453125" style="2" customWidth="1"/>
    <col min="776" max="776" width="9.7265625" style="2" customWidth="1"/>
    <col min="777" max="777" width="9.90625" style="2" customWidth="1"/>
    <col min="778" max="778" width="9" style="2"/>
    <col min="779" max="779" width="7.36328125" style="2" customWidth="1"/>
    <col min="780" max="780" width="5.26953125" style="2" customWidth="1"/>
    <col min="781" max="1026" width="9" style="2"/>
    <col min="1027" max="1027" width="13.26953125" style="2" customWidth="1"/>
    <col min="1028" max="1028" width="17.08984375" style="2" customWidth="1"/>
    <col min="1029" max="1029" width="8.453125" style="2" customWidth="1"/>
    <col min="1030" max="1030" width="16.453125" style="2" customWidth="1"/>
    <col min="1031" max="1031" width="17.453125" style="2" customWidth="1"/>
    <col min="1032" max="1032" width="9.7265625" style="2" customWidth="1"/>
    <col min="1033" max="1033" width="9.90625" style="2" customWidth="1"/>
    <col min="1034" max="1034" width="9" style="2"/>
    <col min="1035" max="1035" width="7.36328125" style="2" customWidth="1"/>
    <col min="1036" max="1036" width="5.26953125" style="2" customWidth="1"/>
    <col min="1037" max="1282" width="9" style="2"/>
    <col min="1283" max="1283" width="13.26953125" style="2" customWidth="1"/>
    <col min="1284" max="1284" width="17.08984375" style="2" customWidth="1"/>
    <col min="1285" max="1285" width="8.453125" style="2" customWidth="1"/>
    <col min="1286" max="1286" width="16.453125" style="2" customWidth="1"/>
    <col min="1287" max="1287" width="17.453125" style="2" customWidth="1"/>
    <col min="1288" max="1288" width="9.7265625" style="2" customWidth="1"/>
    <col min="1289" max="1289" width="9.90625" style="2" customWidth="1"/>
    <col min="1290" max="1290" width="9" style="2"/>
    <col min="1291" max="1291" width="7.36328125" style="2" customWidth="1"/>
    <col min="1292" max="1292" width="5.26953125" style="2" customWidth="1"/>
    <col min="1293" max="1538" width="9" style="2"/>
    <col min="1539" max="1539" width="13.26953125" style="2" customWidth="1"/>
    <col min="1540" max="1540" width="17.08984375" style="2" customWidth="1"/>
    <col min="1541" max="1541" width="8.453125" style="2" customWidth="1"/>
    <col min="1542" max="1542" width="16.453125" style="2" customWidth="1"/>
    <col min="1543" max="1543" width="17.453125" style="2" customWidth="1"/>
    <col min="1544" max="1544" width="9.7265625" style="2" customWidth="1"/>
    <col min="1545" max="1545" width="9.90625" style="2" customWidth="1"/>
    <col min="1546" max="1546" width="9" style="2"/>
    <col min="1547" max="1547" width="7.36328125" style="2" customWidth="1"/>
    <col min="1548" max="1548" width="5.26953125" style="2" customWidth="1"/>
    <col min="1549" max="1794" width="9" style="2"/>
    <col min="1795" max="1795" width="13.26953125" style="2" customWidth="1"/>
    <col min="1796" max="1796" width="17.08984375" style="2" customWidth="1"/>
    <col min="1797" max="1797" width="8.453125" style="2" customWidth="1"/>
    <col min="1798" max="1798" width="16.453125" style="2" customWidth="1"/>
    <col min="1799" max="1799" width="17.453125" style="2" customWidth="1"/>
    <col min="1800" max="1800" width="9.7265625" style="2" customWidth="1"/>
    <col min="1801" max="1801" width="9.90625" style="2" customWidth="1"/>
    <col min="1802" max="1802" width="9" style="2"/>
    <col min="1803" max="1803" width="7.36328125" style="2" customWidth="1"/>
    <col min="1804" max="1804" width="5.26953125" style="2" customWidth="1"/>
    <col min="1805" max="2050" width="9" style="2"/>
    <col min="2051" max="2051" width="13.26953125" style="2" customWidth="1"/>
    <col min="2052" max="2052" width="17.08984375" style="2" customWidth="1"/>
    <col min="2053" max="2053" width="8.453125" style="2" customWidth="1"/>
    <col min="2054" max="2054" width="16.453125" style="2" customWidth="1"/>
    <col min="2055" max="2055" width="17.453125" style="2" customWidth="1"/>
    <col min="2056" max="2056" width="9.7265625" style="2" customWidth="1"/>
    <col min="2057" max="2057" width="9.90625" style="2" customWidth="1"/>
    <col min="2058" max="2058" width="9" style="2"/>
    <col min="2059" max="2059" width="7.36328125" style="2" customWidth="1"/>
    <col min="2060" max="2060" width="5.26953125" style="2" customWidth="1"/>
    <col min="2061" max="2306" width="9" style="2"/>
    <col min="2307" max="2307" width="13.26953125" style="2" customWidth="1"/>
    <col min="2308" max="2308" width="17.08984375" style="2" customWidth="1"/>
    <col min="2309" max="2309" width="8.453125" style="2" customWidth="1"/>
    <col min="2310" max="2310" width="16.453125" style="2" customWidth="1"/>
    <col min="2311" max="2311" width="17.453125" style="2" customWidth="1"/>
    <col min="2312" max="2312" width="9.7265625" style="2" customWidth="1"/>
    <col min="2313" max="2313" width="9.90625" style="2" customWidth="1"/>
    <col min="2314" max="2314" width="9" style="2"/>
    <col min="2315" max="2315" width="7.36328125" style="2" customWidth="1"/>
    <col min="2316" max="2316" width="5.26953125" style="2" customWidth="1"/>
    <col min="2317" max="2562" width="9" style="2"/>
    <col min="2563" max="2563" width="13.26953125" style="2" customWidth="1"/>
    <col min="2564" max="2564" width="17.08984375" style="2" customWidth="1"/>
    <col min="2565" max="2565" width="8.453125" style="2" customWidth="1"/>
    <col min="2566" max="2566" width="16.453125" style="2" customWidth="1"/>
    <col min="2567" max="2567" width="17.453125" style="2" customWidth="1"/>
    <col min="2568" max="2568" width="9.7265625" style="2" customWidth="1"/>
    <col min="2569" max="2569" width="9.90625" style="2" customWidth="1"/>
    <col min="2570" max="2570" width="9" style="2"/>
    <col min="2571" max="2571" width="7.36328125" style="2" customWidth="1"/>
    <col min="2572" max="2572" width="5.26953125" style="2" customWidth="1"/>
    <col min="2573" max="2818" width="9" style="2"/>
    <col min="2819" max="2819" width="13.26953125" style="2" customWidth="1"/>
    <col min="2820" max="2820" width="17.08984375" style="2" customWidth="1"/>
    <col min="2821" max="2821" width="8.453125" style="2" customWidth="1"/>
    <col min="2822" max="2822" width="16.453125" style="2" customWidth="1"/>
    <col min="2823" max="2823" width="17.453125" style="2" customWidth="1"/>
    <col min="2824" max="2824" width="9.7265625" style="2" customWidth="1"/>
    <col min="2825" max="2825" width="9.90625" style="2" customWidth="1"/>
    <col min="2826" max="2826" width="9" style="2"/>
    <col min="2827" max="2827" width="7.36328125" style="2" customWidth="1"/>
    <col min="2828" max="2828" width="5.26953125" style="2" customWidth="1"/>
    <col min="2829" max="3074" width="9" style="2"/>
    <col min="3075" max="3075" width="13.26953125" style="2" customWidth="1"/>
    <col min="3076" max="3076" width="17.08984375" style="2" customWidth="1"/>
    <col min="3077" max="3077" width="8.453125" style="2" customWidth="1"/>
    <col min="3078" max="3078" width="16.453125" style="2" customWidth="1"/>
    <col min="3079" max="3079" width="17.453125" style="2" customWidth="1"/>
    <col min="3080" max="3080" width="9.7265625" style="2" customWidth="1"/>
    <col min="3081" max="3081" width="9.90625" style="2" customWidth="1"/>
    <col min="3082" max="3082" width="9" style="2"/>
    <col min="3083" max="3083" width="7.36328125" style="2" customWidth="1"/>
    <col min="3084" max="3084" width="5.26953125" style="2" customWidth="1"/>
    <col min="3085" max="3330" width="9" style="2"/>
    <col min="3331" max="3331" width="13.26953125" style="2" customWidth="1"/>
    <col min="3332" max="3332" width="17.08984375" style="2" customWidth="1"/>
    <col min="3333" max="3333" width="8.453125" style="2" customWidth="1"/>
    <col min="3334" max="3334" width="16.453125" style="2" customWidth="1"/>
    <col min="3335" max="3335" width="17.453125" style="2" customWidth="1"/>
    <col min="3336" max="3336" width="9.7265625" style="2" customWidth="1"/>
    <col min="3337" max="3337" width="9.90625" style="2" customWidth="1"/>
    <col min="3338" max="3338" width="9" style="2"/>
    <col min="3339" max="3339" width="7.36328125" style="2" customWidth="1"/>
    <col min="3340" max="3340" width="5.26953125" style="2" customWidth="1"/>
    <col min="3341" max="3586" width="9" style="2"/>
    <col min="3587" max="3587" width="13.26953125" style="2" customWidth="1"/>
    <col min="3588" max="3588" width="17.08984375" style="2" customWidth="1"/>
    <col min="3589" max="3589" width="8.453125" style="2" customWidth="1"/>
    <col min="3590" max="3590" width="16.453125" style="2" customWidth="1"/>
    <col min="3591" max="3591" width="17.453125" style="2" customWidth="1"/>
    <col min="3592" max="3592" width="9.7265625" style="2" customWidth="1"/>
    <col min="3593" max="3593" width="9.90625" style="2" customWidth="1"/>
    <col min="3594" max="3594" width="9" style="2"/>
    <col min="3595" max="3595" width="7.36328125" style="2" customWidth="1"/>
    <col min="3596" max="3596" width="5.26953125" style="2" customWidth="1"/>
    <col min="3597" max="3842" width="9" style="2"/>
    <col min="3843" max="3843" width="13.26953125" style="2" customWidth="1"/>
    <col min="3844" max="3844" width="17.08984375" style="2" customWidth="1"/>
    <col min="3845" max="3845" width="8.453125" style="2" customWidth="1"/>
    <col min="3846" max="3846" width="16.453125" style="2" customWidth="1"/>
    <col min="3847" max="3847" width="17.453125" style="2" customWidth="1"/>
    <col min="3848" max="3848" width="9.7265625" style="2" customWidth="1"/>
    <col min="3849" max="3849" width="9.90625" style="2" customWidth="1"/>
    <col min="3850" max="3850" width="9" style="2"/>
    <col min="3851" max="3851" width="7.36328125" style="2" customWidth="1"/>
    <col min="3852" max="3852" width="5.26953125" style="2" customWidth="1"/>
    <col min="3853" max="4098" width="9" style="2"/>
    <col min="4099" max="4099" width="13.26953125" style="2" customWidth="1"/>
    <col min="4100" max="4100" width="17.08984375" style="2" customWidth="1"/>
    <col min="4101" max="4101" width="8.453125" style="2" customWidth="1"/>
    <col min="4102" max="4102" width="16.453125" style="2" customWidth="1"/>
    <col min="4103" max="4103" width="17.453125" style="2" customWidth="1"/>
    <col min="4104" max="4104" width="9.7265625" style="2" customWidth="1"/>
    <col min="4105" max="4105" width="9.90625" style="2" customWidth="1"/>
    <col min="4106" max="4106" width="9" style="2"/>
    <col min="4107" max="4107" width="7.36328125" style="2" customWidth="1"/>
    <col min="4108" max="4108" width="5.26953125" style="2" customWidth="1"/>
    <col min="4109" max="4354" width="9" style="2"/>
    <col min="4355" max="4355" width="13.26953125" style="2" customWidth="1"/>
    <col min="4356" max="4356" width="17.08984375" style="2" customWidth="1"/>
    <col min="4357" max="4357" width="8.453125" style="2" customWidth="1"/>
    <col min="4358" max="4358" width="16.453125" style="2" customWidth="1"/>
    <col min="4359" max="4359" width="17.453125" style="2" customWidth="1"/>
    <col min="4360" max="4360" width="9.7265625" style="2" customWidth="1"/>
    <col min="4361" max="4361" width="9.90625" style="2" customWidth="1"/>
    <col min="4362" max="4362" width="9" style="2"/>
    <col min="4363" max="4363" width="7.36328125" style="2" customWidth="1"/>
    <col min="4364" max="4364" width="5.26953125" style="2" customWidth="1"/>
    <col min="4365" max="4610" width="9" style="2"/>
    <col min="4611" max="4611" width="13.26953125" style="2" customWidth="1"/>
    <col min="4612" max="4612" width="17.08984375" style="2" customWidth="1"/>
    <col min="4613" max="4613" width="8.453125" style="2" customWidth="1"/>
    <col min="4614" max="4614" width="16.453125" style="2" customWidth="1"/>
    <col min="4615" max="4615" width="17.453125" style="2" customWidth="1"/>
    <col min="4616" max="4616" width="9.7265625" style="2" customWidth="1"/>
    <col min="4617" max="4617" width="9.90625" style="2" customWidth="1"/>
    <col min="4618" max="4618" width="9" style="2"/>
    <col min="4619" max="4619" width="7.36328125" style="2" customWidth="1"/>
    <col min="4620" max="4620" width="5.26953125" style="2" customWidth="1"/>
    <col min="4621" max="4866" width="9" style="2"/>
    <col min="4867" max="4867" width="13.26953125" style="2" customWidth="1"/>
    <col min="4868" max="4868" width="17.08984375" style="2" customWidth="1"/>
    <col min="4869" max="4869" width="8.453125" style="2" customWidth="1"/>
    <col min="4870" max="4870" width="16.453125" style="2" customWidth="1"/>
    <col min="4871" max="4871" width="17.453125" style="2" customWidth="1"/>
    <col min="4872" max="4872" width="9.7265625" style="2" customWidth="1"/>
    <col min="4873" max="4873" width="9.90625" style="2" customWidth="1"/>
    <col min="4874" max="4874" width="9" style="2"/>
    <col min="4875" max="4875" width="7.36328125" style="2" customWidth="1"/>
    <col min="4876" max="4876" width="5.26953125" style="2" customWidth="1"/>
    <col min="4877" max="5122" width="9" style="2"/>
    <col min="5123" max="5123" width="13.26953125" style="2" customWidth="1"/>
    <col min="5124" max="5124" width="17.08984375" style="2" customWidth="1"/>
    <col min="5125" max="5125" width="8.453125" style="2" customWidth="1"/>
    <col min="5126" max="5126" width="16.453125" style="2" customWidth="1"/>
    <col min="5127" max="5127" width="17.453125" style="2" customWidth="1"/>
    <col min="5128" max="5128" width="9.7265625" style="2" customWidth="1"/>
    <col min="5129" max="5129" width="9.90625" style="2" customWidth="1"/>
    <col min="5130" max="5130" width="9" style="2"/>
    <col min="5131" max="5131" width="7.36328125" style="2" customWidth="1"/>
    <col min="5132" max="5132" width="5.26953125" style="2" customWidth="1"/>
    <col min="5133" max="5378" width="9" style="2"/>
    <col min="5379" max="5379" width="13.26953125" style="2" customWidth="1"/>
    <col min="5380" max="5380" width="17.08984375" style="2" customWidth="1"/>
    <col min="5381" max="5381" width="8.453125" style="2" customWidth="1"/>
    <col min="5382" max="5382" width="16.453125" style="2" customWidth="1"/>
    <col min="5383" max="5383" width="17.453125" style="2" customWidth="1"/>
    <col min="5384" max="5384" width="9.7265625" style="2" customWidth="1"/>
    <col min="5385" max="5385" width="9.90625" style="2" customWidth="1"/>
    <col min="5386" max="5386" width="9" style="2"/>
    <col min="5387" max="5387" width="7.36328125" style="2" customWidth="1"/>
    <col min="5388" max="5388" width="5.26953125" style="2" customWidth="1"/>
    <col min="5389" max="5634" width="9" style="2"/>
    <col min="5635" max="5635" width="13.26953125" style="2" customWidth="1"/>
    <col min="5636" max="5636" width="17.08984375" style="2" customWidth="1"/>
    <col min="5637" max="5637" width="8.453125" style="2" customWidth="1"/>
    <col min="5638" max="5638" width="16.453125" style="2" customWidth="1"/>
    <col min="5639" max="5639" width="17.453125" style="2" customWidth="1"/>
    <col min="5640" max="5640" width="9.7265625" style="2" customWidth="1"/>
    <col min="5641" max="5641" width="9.90625" style="2" customWidth="1"/>
    <col min="5642" max="5642" width="9" style="2"/>
    <col min="5643" max="5643" width="7.36328125" style="2" customWidth="1"/>
    <col min="5644" max="5644" width="5.26953125" style="2" customWidth="1"/>
    <col min="5645" max="5890" width="9" style="2"/>
    <col min="5891" max="5891" width="13.26953125" style="2" customWidth="1"/>
    <col min="5892" max="5892" width="17.08984375" style="2" customWidth="1"/>
    <col min="5893" max="5893" width="8.453125" style="2" customWidth="1"/>
    <col min="5894" max="5894" width="16.453125" style="2" customWidth="1"/>
    <col min="5895" max="5895" width="17.453125" style="2" customWidth="1"/>
    <col min="5896" max="5896" width="9.7265625" style="2" customWidth="1"/>
    <col min="5897" max="5897" width="9.90625" style="2" customWidth="1"/>
    <col min="5898" max="5898" width="9" style="2"/>
    <col min="5899" max="5899" width="7.36328125" style="2" customWidth="1"/>
    <col min="5900" max="5900" width="5.26953125" style="2" customWidth="1"/>
    <col min="5901" max="6146" width="9" style="2"/>
    <col min="6147" max="6147" width="13.26953125" style="2" customWidth="1"/>
    <col min="6148" max="6148" width="17.08984375" style="2" customWidth="1"/>
    <col min="6149" max="6149" width="8.453125" style="2" customWidth="1"/>
    <col min="6150" max="6150" width="16.453125" style="2" customWidth="1"/>
    <col min="6151" max="6151" width="17.453125" style="2" customWidth="1"/>
    <col min="6152" max="6152" width="9.7265625" style="2" customWidth="1"/>
    <col min="6153" max="6153" width="9.90625" style="2" customWidth="1"/>
    <col min="6154" max="6154" width="9" style="2"/>
    <col min="6155" max="6155" width="7.36328125" style="2" customWidth="1"/>
    <col min="6156" max="6156" width="5.26953125" style="2" customWidth="1"/>
    <col min="6157" max="6402" width="9" style="2"/>
    <col min="6403" max="6403" width="13.26953125" style="2" customWidth="1"/>
    <col min="6404" max="6404" width="17.08984375" style="2" customWidth="1"/>
    <col min="6405" max="6405" width="8.453125" style="2" customWidth="1"/>
    <col min="6406" max="6406" width="16.453125" style="2" customWidth="1"/>
    <col min="6407" max="6407" width="17.453125" style="2" customWidth="1"/>
    <col min="6408" max="6408" width="9.7265625" style="2" customWidth="1"/>
    <col min="6409" max="6409" width="9.90625" style="2" customWidth="1"/>
    <col min="6410" max="6410" width="9" style="2"/>
    <col min="6411" max="6411" width="7.36328125" style="2" customWidth="1"/>
    <col min="6412" max="6412" width="5.26953125" style="2" customWidth="1"/>
    <col min="6413" max="6658" width="9" style="2"/>
    <col min="6659" max="6659" width="13.26953125" style="2" customWidth="1"/>
    <col min="6660" max="6660" width="17.08984375" style="2" customWidth="1"/>
    <col min="6661" max="6661" width="8.453125" style="2" customWidth="1"/>
    <col min="6662" max="6662" width="16.453125" style="2" customWidth="1"/>
    <col min="6663" max="6663" width="17.453125" style="2" customWidth="1"/>
    <col min="6664" max="6664" width="9.7265625" style="2" customWidth="1"/>
    <col min="6665" max="6665" width="9.90625" style="2" customWidth="1"/>
    <col min="6666" max="6666" width="9" style="2"/>
    <col min="6667" max="6667" width="7.36328125" style="2" customWidth="1"/>
    <col min="6668" max="6668" width="5.26953125" style="2" customWidth="1"/>
    <col min="6669" max="6914" width="9" style="2"/>
    <col min="6915" max="6915" width="13.26953125" style="2" customWidth="1"/>
    <col min="6916" max="6916" width="17.08984375" style="2" customWidth="1"/>
    <col min="6917" max="6917" width="8.453125" style="2" customWidth="1"/>
    <col min="6918" max="6918" width="16.453125" style="2" customWidth="1"/>
    <col min="6919" max="6919" width="17.453125" style="2" customWidth="1"/>
    <col min="6920" max="6920" width="9.7265625" style="2" customWidth="1"/>
    <col min="6921" max="6921" width="9.90625" style="2" customWidth="1"/>
    <col min="6922" max="6922" width="9" style="2"/>
    <col min="6923" max="6923" width="7.36328125" style="2" customWidth="1"/>
    <col min="6924" max="6924" width="5.26953125" style="2" customWidth="1"/>
    <col min="6925" max="7170" width="9" style="2"/>
    <col min="7171" max="7171" width="13.26953125" style="2" customWidth="1"/>
    <col min="7172" max="7172" width="17.08984375" style="2" customWidth="1"/>
    <col min="7173" max="7173" width="8.453125" style="2" customWidth="1"/>
    <col min="7174" max="7174" width="16.453125" style="2" customWidth="1"/>
    <col min="7175" max="7175" width="17.453125" style="2" customWidth="1"/>
    <col min="7176" max="7176" width="9.7265625" style="2" customWidth="1"/>
    <col min="7177" max="7177" width="9.90625" style="2" customWidth="1"/>
    <col min="7178" max="7178" width="9" style="2"/>
    <col min="7179" max="7179" width="7.36328125" style="2" customWidth="1"/>
    <col min="7180" max="7180" width="5.26953125" style="2" customWidth="1"/>
    <col min="7181" max="7426" width="9" style="2"/>
    <col min="7427" max="7427" width="13.26953125" style="2" customWidth="1"/>
    <col min="7428" max="7428" width="17.08984375" style="2" customWidth="1"/>
    <col min="7429" max="7429" width="8.453125" style="2" customWidth="1"/>
    <col min="7430" max="7430" width="16.453125" style="2" customWidth="1"/>
    <col min="7431" max="7431" width="17.453125" style="2" customWidth="1"/>
    <col min="7432" max="7432" width="9.7265625" style="2" customWidth="1"/>
    <col min="7433" max="7433" width="9.90625" style="2" customWidth="1"/>
    <col min="7434" max="7434" width="9" style="2"/>
    <col min="7435" max="7435" width="7.36328125" style="2" customWidth="1"/>
    <col min="7436" max="7436" width="5.26953125" style="2" customWidth="1"/>
    <col min="7437" max="7682" width="9" style="2"/>
    <col min="7683" max="7683" width="13.26953125" style="2" customWidth="1"/>
    <col min="7684" max="7684" width="17.08984375" style="2" customWidth="1"/>
    <col min="7685" max="7685" width="8.453125" style="2" customWidth="1"/>
    <col min="7686" max="7686" width="16.453125" style="2" customWidth="1"/>
    <col min="7687" max="7687" width="17.453125" style="2" customWidth="1"/>
    <col min="7688" max="7688" width="9.7265625" style="2" customWidth="1"/>
    <col min="7689" max="7689" width="9.90625" style="2" customWidth="1"/>
    <col min="7690" max="7690" width="9" style="2"/>
    <col min="7691" max="7691" width="7.36328125" style="2" customWidth="1"/>
    <col min="7692" max="7692" width="5.26953125" style="2" customWidth="1"/>
    <col min="7693" max="7938" width="9" style="2"/>
    <col min="7939" max="7939" width="13.26953125" style="2" customWidth="1"/>
    <col min="7940" max="7940" width="17.08984375" style="2" customWidth="1"/>
    <col min="7941" max="7941" width="8.453125" style="2" customWidth="1"/>
    <col min="7942" max="7942" width="16.453125" style="2" customWidth="1"/>
    <col min="7943" max="7943" width="17.453125" style="2" customWidth="1"/>
    <col min="7944" max="7944" width="9.7265625" style="2" customWidth="1"/>
    <col min="7945" max="7945" width="9.90625" style="2" customWidth="1"/>
    <col min="7946" max="7946" width="9" style="2"/>
    <col min="7947" max="7947" width="7.36328125" style="2" customWidth="1"/>
    <col min="7948" max="7948" width="5.26953125" style="2" customWidth="1"/>
    <col min="7949" max="8194" width="9" style="2"/>
    <col min="8195" max="8195" width="13.26953125" style="2" customWidth="1"/>
    <col min="8196" max="8196" width="17.08984375" style="2" customWidth="1"/>
    <col min="8197" max="8197" width="8.453125" style="2" customWidth="1"/>
    <col min="8198" max="8198" width="16.453125" style="2" customWidth="1"/>
    <col min="8199" max="8199" width="17.453125" style="2" customWidth="1"/>
    <col min="8200" max="8200" width="9.7265625" style="2" customWidth="1"/>
    <col min="8201" max="8201" width="9.90625" style="2" customWidth="1"/>
    <col min="8202" max="8202" width="9" style="2"/>
    <col min="8203" max="8203" width="7.36328125" style="2" customWidth="1"/>
    <col min="8204" max="8204" width="5.26953125" style="2" customWidth="1"/>
    <col min="8205" max="8450" width="9" style="2"/>
    <col min="8451" max="8451" width="13.26953125" style="2" customWidth="1"/>
    <col min="8452" max="8452" width="17.08984375" style="2" customWidth="1"/>
    <col min="8453" max="8453" width="8.453125" style="2" customWidth="1"/>
    <col min="8454" max="8454" width="16.453125" style="2" customWidth="1"/>
    <col min="8455" max="8455" width="17.453125" style="2" customWidth="1"/>
    <col min="8456" max="8456" width="9.7265625" style="2" customWidth="1"/>
    <col min="8457" max="8457" width="9.90625" style="2" customWidth="1"/>
    <col min="8458" max="8458" width="9" style="2"/>
    <col min="8459" max="8459" width="7.36328125" style="2" customWidth="1"/>
    <col min="8460" max="8460" width="5.26953125" style="2" customWidth="1"/>
    <col min="8461" max="8706" width="9" style="2"/>
    <col min="8707" max="8707" width="13.26953125" style="2" customWidth="1"/>
    <col min="8708" max="8708" width="17.08984375" style="2" customWidth="1"/>
    <col min="8709" max="8709" width="8.453125" style="2" customWidth="1"/>
    <col min="8710" max="8710" width="16.453125" style="2" customWidth="1"/>
    <col min="8711" max="8711" width="17.453125" style="2" customWidth="1"/>
    <col min="8712" max="8712" width="9.7265625" style="2" customWidth="1"/>
    <col min="8713" max="8713" width="9.90625" style="2" customWidth="1"/>
    <col min="8714" max="8714" width="9" style="2"/>
    <col min="8715" max="8715" width="7.36328125" style="2" customWidth="1"/>
    <col min="8716" max="8716" width="5.26953125" style="2" customWidth="1"/>
    <col min="8717" max="8962" width="9" style="2"/>
    <col min="8963" max="8963" width="13.26953125" style="2" customWidth="1"/>
    <col min="8964" max="8964" width="17.08984375" style="2" customWidth="1"/>
    <col min="8965" max="8965" width="8.453125" style="2" customWidth="1"/>
    <col min="8966" max="8966" width="16.453125" style="2" customWidth="1"/>
    <col min="8967" max="8967" width="17.453125" style="2" customWidth="1"/>
    <col min="8968" max="8968" width="9.7265625" style="2" customWidth="1"/>
    <col min="8969" max="8969" width="9.90625" style="2" customWidth="1"/>
    <col min="8970" max="8970" width="9" style="2"/>
    <col min="8971" max="8971" width="7.36328125" style="2" customWidth="1"/>
    <col min="8972" max="8972" width="5.26953125" style="2" customWidth="1"/>
    <col min="8973" max="9218" width="9" style="2"/>
    <col min="9219" max="9219" width="13.26953125" style="2" customWidth="1"/>
    <col min="9220" max="9220" width="17.08984375" style="2" customWidth="1"/>
    <col min="9221" max="9221" width="8.453125" style="2" customWidth="1"/>
    <col min="9222" max="9222" width="16.453125" style="2" customWidth="1"/>
    <col min="9223" max="9223" width="17.453125" style="2" customWidth="1"/>
    <col min="9224" max="9224" width="9.7265625" style="2" customWidth="1"/>
    <col min="9225" max="9225" width="9.90625" style="2" customWidth="1"/>
    <col min="9226" max="9226" width="9" style="2"/>
    <col min="9227" max="9227" width="7.36328125" style="2" customWidth="1"/>
    <col min="9228" max="9228" width="5.26953125" style="2" customWidth="1"/>
    <col min="9229" max="9474" width="9" style="2"/>
    <col min="9475" max="9475" width="13.26953125" style="2" customWidth="1"/>
    <col min="9476" max="9476" width="17.08984375" style="2" customWidth="1"/>
    <col min="9477" max="9477" width="8.453125" style="2" customWidth="1"/>
    <col min="9478" max="9478" width="16.453125" style="2" customWidth="1"/>
    <col min="9479" max="9479" width="17.453125" style="2" customWidth="1"/>
    <col min="9480" max="9480" width="9.7265625" style="2" customWidth="1"/>
    <col min="9481" max="9481" width="9.90625" style="2" customWidth="1"/>
    <col min="9482" max="9482" width="9" style="2"/>
    <col min="9483" max="9483" width="7.36328125" style="2" customWidth="1"/>
    <col min="9484" max="9484" width="5.26953125" style="2" customWidth="1"/>
    <col min="9485" max="9730" width="9" style="2"/>
    <col min="9731" max="9731" width="13.26953125" style="2" customWidth="1"/>
    <col min="9732" max="9732" width="17.08984375" style="2" customWidth="1"/>
    <col min="9733" max="9733" width="8.453125" style="2" customWidth="1"/>
    <col min="9734" max="9734" width="16.453125" style="2" customWidth="1"/>
    <col min="9735" max="9735" width="17.453125" style="2" customWidth="1"/>
    <col min="9736" max="9736" width="9.7265625" style="2" customWidth="1"/>
    <col min="9737" max="9737" width="9.90625" style="2" customWidth="1"/>
    <col min="9738" max="9738" width="9" style="2"/>
    <col min="9739" max="9739" width="7.36328125" style="2" customWidth="1"/>
    <col min="9740" max="9740" width="5.26953125" style="2" customWidth="1"/>
    <col min="9741" max="9986" width="9" style="2"/>
    <col min="9987" max="9987" width="13.26953125" style="2" customWidth="1"/>
    <col min="9988" max="9988" width="17.08984375" style="2" customWidth="1"/>
    <col min="9989" max="9989" width="8.453125" style="2" customWidth="1"/>
    <col min="9990" max="9990" width="16.453125" style="2" customWidth="1"/>
    <col min="9991" max="9991" width="17.453125" style="2" customWidth="1"/>
    <col min="9992" max="9992" width="9.7265625" style="2" customWidth="1"/>
    <col min="9993" max="9993" width="9.90625" style="2" customWidth="1"/>
    <col min="9994" max="9994" width="9" style="2"/>
    <col min="9995" max="9995" width="7.36328125" style="2" customWidth="1"/>
    <col min="9996" max="9996" width="5.26953125" style="2" customWidth="1"/>
    <col min="9997" max="10242" width="9" style="2"/>
    <col min="10243" max="10243" width="13.26953125" style="2" customWidth="1"/>
    <col min="10244" max="10244" width="17.08984375" style="2" customWidth="1"/>
    <col min="10245" max="10245" width="8.453125" style="2" customWidth="1"/>
    <col min="10246" max="10246" width="16.453125" style="2" customWidth="1"/>
    <col min="10247" max="10247" width="17.453125" style="2" customWidth="1"/>
    <col min="10248" max="10248" width="9.7265625" style="2" customWidth="1"/>
    <col min="10249" max="10249" width="9.90625" style="2" customWidth="1"/>
    <col min="10250" max="10250" width="9" style="2"/>
    <col min="10251" max="10251" width="7.36328125" style="2" customWidth="1"/>
    <col min="10252" max="10252" width="5.26953125" style="2" customWidth="1"/>
    <col min="10253" max="10498" width="9" style="2"/>
    <col min="10499" max="10499" width="13.26953125" style="2" customWidth="1"/>
    <col min="10500" max="10500" width="17.08984375" style="2" customWidth="1"/>
    <col min="10501" max="10501" width="8.453125" style="2" customWidth="1"/>
    <col min="10502" max="10502" width="16.453125" style="2" customWidth="1"/>
    <col min="10503" max="10503" width="17.453125" style="2" customWidth="1"/>
    <col min="10504" max="10504" width="9.7265625" style="2" customWidth="1"/>
    <col min="10505" max="10505" width="9.90625" style="2" customWidth="1"/>
    <col min="10506" max="10506" width="9" style="2"/>
    <col min="10507" max="10507" width="7.36328125" style="2" customWidth="1"/>
    <col min="10508" max="10508" width="5.26953125" style="2" customWidth="1"/>
    <col min="10509" max="10754" width="9" style="2"/>
    <col min="10755" max="10755" width="13.26953125" style="2" customWidth="1"/>
    <col min="10756" max="10756" width="17.08984375" style="2" customWidth="1"/>
    <col min="10757" max="10757" width="8.453125" style="2" customWidth="1"/>
    <col min="10758" max="10758" width="16.453125" style="2" customWidth="1"/>
    <col min="10759" max="10759" width="17.453125" style="2" customWidth="1"/>
    <col min="10760" max="10760" width="9.7265625" style="2" customWidth="1"/>
    <col min="10761" max="10761" width="9.90625" style="2" customWidth="1"/>
    <col min="10762" max="10762" width="9" style="2"/>
    <col min="10763" max="10763" width="7.36328125" style="2" customWidth="1"/>
    <col min="10764" max="10764" width="5.26953125" style="2" customWidth="1"/>
    <col min="10765" max="11010" width="9" style="2"/>
    <col min="11011" max="11011" width="13.26953125" style="2" customWidth="1"/>
    <col min="11012" max="11012" width="17.08984375" style="2" customWidth="1"/>
    <col min="11013" max="11013" width="8.453125" style="2" customWidth="1"/>
    <col min="11014" max="11014" width="16.453125" style="2" customWidth="1"/>
    <col min="11015" max="11015" width="17.453125" style="2" customWidth="1"/>
    <col min="11016" max="11016" width="9.7265625" style="2" customWidth="1"/>
    <col min="11017" max="11017" width="9.90625" style="2" customWidth="1"/>
    <col min="11018" max="11018" width="9" style="2"/>
    <col min="11019" max="11019" width="7.36328125" style="2" customWidth="1"/>
    <col min="11020" max="11020" width="5.26953125" style="2" customWidth="1"/>
    <col min="11021" max="11266" width="9" style="2"/>
    <col min="11267" max="11267" width="13.26953125" style="2" customWidth="1"/>
    <col min="11268" max="11268" width="17.08984375" style="2" customWidth="1"/>
    <col min="11269" max="11269" width="8.453125" style="2" customWidth="1"/>
    <col min="11270" max="11270" width="16.453125" style="2" customWidth="1"/>
    <col min="11271" max="11271" width="17.453125" style="2" customWidth="1"/>
    <col min="11272" max="11272" width="9.7265625" style="2" customWidth="1"/>
    <col min="11273" max="11273" width="9.90625" style="2" customWidth="1"/>
    <col min="11274" max="11274" width="9" style="2"/>
    <col min="11275" max="11275" width="7.36328125" style="2" customWidth="1"/>
    <col min="11276" max="11276" width="5.26953125" style="2" customWidth="1"/>
    <col min="11277" max="11522" width="9" style="2"/>
    <col min="11523" max="11523" width="13.26953125" style="2" customWidth="1"/>
    <col min="11524" max="11524" width="17.08984375" style="2" customWidth="1"/>
    <col min="11525" max="11525" width="8.453125" style="2" customWidth="1"/>
    <col min="11526" max="11526" width="16.453125" style="2" customWidth="1"/>
    <col min="11527" max="11527" width="17.453125" style="2" customWidth="1"/>
    <col min="11528" max="11528" width="9.7265625" style="2" customWidth="1"/>
    <col min="11529" max="11529" width="9.90625" style="2" customWidth="1"/>
    <col min="11530" max="11530" width="9" style="2"/>
    <col min="11531" max="11531" width="7.36328125" style="2" customWidth="1"/>
    <col min="11532" max="11532" width="5.26953125" style="2" customWidth="1"/>
    <col min="11533" max="11778" width="9" style="2"/>
    <col min="11779" max="11779" width="13.26953125" style="2" customWidth="1"/>
    <col min="11780" max="11780" width="17.08984375" style="2" customWidth="1"/>
    <col min="11781" max="11781" width="8.453125" style="2" customWidth="1"/>
    <col min="11782" max="11782" width="16.453125" style="2" customWidth="1"/>
    <col min="11783" max="11783" width="17.453125" style="2" customWidth="1"/>
    <col min="11784" max="11784" width="9.7265625" style="2" customWidth="1"/>
    <col min="11785" max="11785" width="9.90625" style="2" customWidth="1"/>
    <col min="11786" max="11786" width="9" style="2"/>
    <col min="11787" max="11787" width="7.36328125" style="2" customWidth="1"/>
    <col min="11788" max="11788" width="5.26953125" style="2" customWidth="1"/>
    <col min="11789" max="12034" width="9" style="2"/>
    <col min="12035" max="12035" width="13.26953125" style="2" customWidth="1"/>
    <col min="12036" max="12036" width="17.08984375" style="2" customWidth="1"/>
    <col min="12037" max="12037" width="8.453125" style="2" customWidth="1"/>
    <col min="12038" max="12038" width="16.453125" style="2" customWidth="1"/>
    <col min="12039" max="12039" width="17.453125" style="2" customWidth="1"/>
    <col min="12040" max="12040" width="9.7265625" style="2" customWidth="1"/>
    <col min="12041" max="12041" width="9.90625" style="2" customWidth="1"/>
    <col min="12042" max="12042" width="9" style="2"/>
    <col min="12043" max="12043" width="7.36328125" style="2" customWidth="1"/>
    <col min="12044" max="12044" width="5.26953125" style="2" customWidth="1"/>
    <col min="12045" max="12290" width="9" style="2"/>
    <col min="12291" max="12291" width="13.26953125" style="2" customWidth="1"/>
    <col min="12292" max="12292" width="17.08984375" style="2" customWidth="1"/>
    <col min="12293" max="12293" width="8.453125" style="2" customWidth="1"/>
    <col min="12294" max="12294" width="16.453125" style="2" customWidth="1"/>
    <col min="12295" max="12295" width="17.453125" style="2" customWidth="1"/>
    <col min="12296" max="12296" width="9.7265625" style="2" customWidth="1"/>
    <col min="12297" max="12297" width="9.90625" style="2" customWidth="1"/>
    <col min="12298" max="12298" width="9" style="2"/>
    <col min="12299" max="12299" width="7.36328125" style="2" customWidth="1"/>
    <col min="12300" max="12300" width="5.26953125" style="2" customWidth="1"/>
    <col min="12301" max="12546" width="9" style="2"/>
    <col min="12547" max="12547" width="13.26953125" style="2" customWidth="1"/>
    <col min="12548" max="12548" width="17.08984375" style="2" customWidth="1"/>
    <col min="12549" max="12549" width="8.453125" style="2" customWidth="1"/>
    <col min="12550" max="12550" width="16.453125" style="2" customWidth="1"/>
    <col min="12551" max="12551" width="17.453125" style="2" customWidth="1"/>
    <col min="12552" max="12552" width="9.7265625" style="2" customWidth="1"/>
    <col min="12553" max="12553" width="9.90625" style="2" customWidth="1"/>
    <col min="12554" max="12554" width="9" style="2"/>
    <col min="12555" max="12555" width="7.36328125" style="2" customWidth="1"/>
    <col min="12556" max="12556" width="5.26953125" style="2" customWidth="1"/>
    <col min="12557" max="12802" width="9" style="2"/>
    <col min="12803" max="12803" width="13.26953125" style="2" customWidth="1"/>
    <col min="12804" max="12804" width="17.08984375" style="2" customWidth="1"/>
    <col min="12805" max="12805" width="8.453125" style="2" customWidth="1"/>
    <col min="12806" max="12806" width="16.453125" style="2" customWidth="1"/>
    <col min="12807" max="12807" width="17.453125" style="2" customWidth="1"/>
    <col min="12808" max="12808" width="9.7265625" style="2" customWidth="1"/>
    <col min="12809" max="12809" width="9.90625" style="2" customWidth="1"/>
    <col min="12810" max="12810" width="9" style="2"/>
    <col min="12811" max="12811" width="7.36328125" style="2" customWidth="1"/>
    <col min="12812" max="12812" width="5.26953125" style="2" customWidth="1"/>
    <col min="12813" max="13058" width="9" style="2"/>
    <col min="13059" max="13059" width="13.26953125" style="2" customWidth="1"/>
    <col min="13060" max="13060" width="17.08984375" style="2" customWidth="1"/>
    <col min="13061" max="13061" width="8.453125" style="2" customWidth="1"/>
    <col min="13062" max="13062" width="16.453125" style="2" customWidth="1"/>
    <col min="13063" max="13063" width="17.453125" style="2" customWidth="1"/>
    <col min="13064" max="13064" width="9.7265625" style="2" customWidth="1"/>
    <col min="13065" max="13065" width="9.90625" style="2" customWidth="1"/>
    <col min="13066" max="13066" width="9" style="2"/>
    <col min="13067" max="13067" width="7.36328125" style="2" customWidth="1"/>
    <col min="13068" max="13068" width="5.26953125" style="2" customWidth="1"/>
    <col min="13069" max="13314" width="9" style="2"/>
    <col min="13315" max="13315" width="13.26953125" style="2" customWidth="1"/>
    <col min="13316" max="13316" width="17.08984375" style="2" customWidth="1"/>
    <col min="13317" max="13317" width="8.453125" style="2" customWidth="1"/>
    <col min="13318" max="13318" width="16.453125" style="2" customWidth="1"/>
    <col min="13319" max="13319" width="17.453125" style="2" customWidth="1"/>
    <col min="13320" max="13320" width="9.7265625" style="2" customWidth="1"/>
    <col min="13321" max="13321" width="9.90625" style="2" customWidth="1"/>
    <col min="13322" max="13322" width="9" style="2"/>
    <col min="13323" max="13323" width="7.36328125" style="2" customWidth="1"/>
    <col min="13324" max="13324" width="5.26953125" style="2" customWidth="1"/>
    <col min="13325" max="13570" width="9" style="2"/>
    <col min="13571" max="13571" width="13.26953125" style="2" customWidth="1"/>
    <col min="13572" max="13572" width="17.08984375" style="2" customWidth="1"/>
    <col min="13573" max="13573" width="8.453125" style="2" customWidth="1"/>
    <col min="13574" max="13574" width="16.453125" style="2" customWidth="1"/>
    <col min="13575" max="13575" width="17.453125" style="2" customWidth="1"/>
    <col min="13576" max="13576" width="9.7265625" style="2" customWidth="1"/>
    <col min="13577" max="13577" width="9.90625" style="2" customWidth="1"/>
    <col min="13578" max="13578" width="9" style="2"/>
    <col min="13579" max="13579" width="7.36328125" style="2" customWidth="1"/>
    <col min="13580" max="13580" width="5.26953125" style="2" customWidth="1"/>
    <col min="13581" max="13826" width="9" style="2"/>
    <col min="13827" max="13827" width="13.26953125" style="2" customWidth="1"/>
    <col min="13828" max="13828" width="17.08984375" style="2" customWidth="1"/>
    <col min="13829" max="13829" width="8.453125" style="2" customWidth="1"/>
    <col min="13830" max="13830" width="16.453125" style="2" customWidth="1"/>
    <col min="13831" max="13831" width="17.453125" style="2" customWidth="1"/>
    <col min="13832" max="13832" width="9.7265625" style="2" customWidth="1"/>
    <col min="13833" max="13833" width="9.90625" style="2" customWidth="1"/>
    <col min="13834" max="13834" width="9" style="2"/>
    <col min="13835" max="13835" width="7.36328125" style="2" customWidth="1"/>
    <col min="13836" max="13836" width="5.26953125" style="2" customWidth="1"/>
    <col min="13837" max="14082" width="9" style="2"/>
    <col min="14083" max="14083" width="13.26953125" style="2" customWidth="1"/>
    <col min="14084" max="14084" width="17.08984375" style="2" customWidth="1"/>
    <col min="14085" max="14085" width="8.453125" style="2" customWidth="1"/>
    <col min="14086" max="14086" width="16.453125" style="2" customWidth="1"/>
    <col min="14087" max="14087" width="17.453125" style="2" customWidth="1"/>
    <col min="14088" max="14088" width="9.7265625" style="2" customWidth="1"/>
    <col min="14089" max="14089" width="9.90625" style="2" customWidth="1"/>
    <col min="14090" max="14090" width="9" style="2"/>
    <col min="14091" max="14091" width="7.36328125" style="2" customWidth="1"/>
    <col min="14092" max="14092" width="5.26953125" style="2" customWidth="1"/>
    <col min="14093" max="14338" width="9" style="2"/>
    <col min="14339" max="14339" width="13.26953125" style="2" customWidth="1"/>
    <col min="14340" max="14340" width="17.08984375" style="2" customWidth="1"/>
    <col min="14341" max="14341" width="8.453125" style="2" customWidth="1"/>
    <col min="14342" max="14342" width="16.453125" style="2" customWidth="1"/>
    <col min="14343" max="14343" width="17.453125" style="2" customWidth="1"/>
    <col min="14344" max="14344" width="9.7265625" style="2" customWidth="1"/>
    <col min="14345" max="14345" width="9.90625" style="2" customWidth="1"/>
    <col min="14346" max="14346" width="9" style="2"/>
    <col min="14347" max="14347" width="7.36328125" style="2" customWidth="1"/>
    <col min="14348" max="14348" width="5.26953125" style="2" customWidth="1"/>
    <col min="14349" max="14594" width="9" style="2"/>
    <col min="14595" max="14595" width="13.26953125" style="2" customWidth="1"/>
    <col min="14596" max="14596" width="17.08984375" style="2" customWidth="1"/>
    <col min="14597" max="14597" width="8.453125" style="2" customWidth="1"/>
    <col min="14598" max="14598" width="16.453125" style="2" customWidth="1"/>
    <col min="14599" max="14599" width="17.453125" style="2" customWidth="1"/>
    <col min="14600" max="14600" width="9.7265625" style="2" customWidth="1"/>
    <col min="14601" max="14601" width="9.90625" style="2" customWidth="1"/>
    <col min="14602" max="14602" width="9" style="2"/>
    <col min="14603" max="14603" width="7.36328125" style="2" customWidth="1"/>
    <col min="14604" max="14604" width="5.26953125" style="2" customWidth="1"/>
    <col min="14605" max="14850" width="9" style="2"/>
    <col min="14851" max="14851" width="13.26953125" style="2" customWidth="1"/>
    <col min="14852" max="14852" width="17.08984375" style="2" customWidth="1"/>
    <col min="14853" max="14853" width="8.453125" style="2" customWidth="1"/>
    <col min="14854" max="14854" width="16.453125" style="2" customWidth="1"/>
    <col min="14855" max="14855" width="17.453125" style="2" customWidth="1"/>
    <col min="14856" max="14856" width="9.7265625" style="2" customWidth="1"/>
    <col min="14857" max="14857" width="9.90625" style="2" customWidth="1"/>
    <col min="14858" max="14858" width="9" style="2"/>
    <col min="14859" max="14859" width="7.36328125" style="2" customWidth="1"/>
    <col min="14860" max="14860" width="5.26953125" style="2" customWidth="1"/>
    <col min="14861" max="15106" width="9" style="2"/>
    <col min="15107" max="15107" width="13.26953125" style="2" customWidth="1"/>
    <col min="15108" max="15108" width="17.08984375" style="2" customWidth="1"/>
    <col min="15109" max="15109" width="8.453125" style="2" customWidth="1"/>
    <col min="15110" max="15110" width="16.453125" style="2" customWidth="1"/>
    <col min="15111" max="15111" width="17.453125" style="2" customWidth="1"/>
    <col min="15112" max="15112" width="9.7265625" style="2" customWidth="1"/>
    <col min="15113" max="15113" width="9.90625" style="2" customWidth="1"/>
    <col min="15114" max="15114" width="9" style="2"/>
    <col min="15115" max="15115" width="7.36328125" style="2" customWidth="1"/>
    <col min="15116" max="15116" width="5.26953125" style="2" customWidth="1"/>
    <col min="15117" max="15362" width="9" style="2"/>
    <col min="15363" max="15363" width="13.26953125" style="2" customWidth="1"/>
    <col min="15364" max="15364" width="17.08984375" style="2" customWidth="1"/>
    <col min="15365" max="15365" width="8.453125" style="2" customWidth="1"/>
    <col min="15366" max="15366" width="16.453125" style="2" customWidth="1"/>
    <col min="15367" max="15367" width="17.453125" style="2" customWidth="1"/>
    <col min="15368" max="15368" width="9.7265625" style="2" customWidth="1"/>
    <col min="15369" max="15369" width="9.90625" style="2" customWidth="1"/>
    <col min="15370" max="15370" width="9" style="2"/>
    <col min="15371" max="15371" width="7.36328125" style="2" customWidth="1"/>
    <col min="15372" max="15372" width="5.26953125" style="2" customWidth="1"/>
    <col min="15373" max="15618" width="9" style="2"/>
    <col min="15619" max="15619" width="13.26953125" style="2" customWidth="1"/>
    <col min="15620" max="15620" width="17.08984375" style="2" customWidth="1"/>
    <col min="15621" max="15621" width="8.453125" style="2" customWidth="1"/>
    <col min="15622" max="15622" width="16.453125" style="2" customWidth="1"/>
    <col min="15623" max="15623" width="17.453125" style="2" customWidth="1"/>
    <col min="15624" max="15624" width="9.7265625" style="2" customWidth="1"/>
    <col min="15625" max="15625" width="9.90625" style="2" customWidth="1"/>
    <col min="15626" max="15626" width="9" style="2"/>
    <col min="15627" max="15627" width="7.36328125" style="2" customWidth="1"/>
    <col min="15628" max="15628" width="5.26953125" style="2" customWidth="1"/>
    <col min="15629" max="15874" width="9" style="2"/>
    <col min="15875" max="15875" width="13.26953125" style="2" customWidth="1"/>
    <col min="15876" max="15876" width="17.08984375" style="2" customWidth="1"/>
    <col min="15877" max="15877" width="8.453125" style="2" customWidth="1"/>
    <col min="15878" max="15878" width="16.453125" style="2" customWidth="1"/>
    <col min="15879" max="15879" width="17.453125" style="2" customWidth="1"/>
    <col min="15880" max="15880" width="9.7265625" style="2" customWidth="1"/>
    <col min="15881" max="15881" width="9.90625" style="2" customWidth="1"/>
    <col min="15882" max="15882" width="9" style="2"/>
    <col min="15883" max="15883" width="7.36328125" style="2" customWidth="1"/>
    <col min="15884" max="15884" width="5.26953125" style="2" customWidth="1"/>
    <col min="15885" max="16130" width="9" style="2"/>
    <col min="16131" max="16131" width="13.26953125" style="2" customWidth="1"/>
    <col min="16132" max="16132" width="17.08984375" style="2" customWidth="1"/>
    <col min="16133" max="16133" width="8.453125" style="2" customWidth="1"/>
    <col min="16134" max="16134" width="16.453125" style="2" customWidth="1"/>
    <col min="16135" max="16135" width="17.453125" style="2" customWidth="1"/>
    <col min="16136" max="16136" width="9.7265625" style="2" customWidth="1"/>
    <col min="16137" max="16137" width="9.90625" style="2" customWidth="1"/>
    <col min="16138" max="16138" width="9" style="2"/>
    <col min="16139" max="16139" width="7.36328125" style="2" customWidth="1"/>
    <col min="16140" max="16140" width="5.26953125" style="2" customWidth="1"/>
    <col min="16141" max="16384" width="9" style="2"/>
  </cols>
  <sheetData>
    <row r="1" spans="1:29" ht="50.5" customHeight="1" x14ac:dyDescent="0.2">
      <c r="A1" s="124" t="s">
        <v>249</v>
      </c>
      <c r="B1" s="125"/>
      <c r="C1" s="125"/>
      <c r="D1" s="125"/>
      <c r="E1" s="125"/>
      <c r="F1" s="126"/>
      <c r="G1" s="29"/>
      <c r="H1" s="29" t="s">
        <v>123</v>
      </c>
      <c r="I1" s="29"/>
      <c r="J1" s="29"/>
      <c r="K1" s="29"/>
      <c r="L1" s="29"/>
      <c r="M1" s="29"/>
      <c r="N1" s="29"/>
      <c r="O1" s="29"/>
      <c r="P1" s="55"/>
      <c r="Q1" s="29"/>
      <c r="R1" s="29"/>
      <c r="S1" s="29"/>
      <c r="T1" s="29"/>
      <c r="U1" s="29"/>
      <c r="V1" s="5"/>
      <c r="W1" s="97"/>
      <c r="X1" s="97"/>
      <c r="Y1" s="97"/>
      <c r="Z1" s="97"/>
      <c r="AA1" s="97"/>
      <c r="AB1" s="97"/>
      <c r="AC1" s="97"/>
    </row>
    <row r="2" spans="1:29" ht="9" customHeight="1" x14ac:dyDescent="0.2">
      <c r="A2" s="140"/>
      <c r="B2" s="141"/>
      <c r="C2" s="141"/>
      <c r="D2" s="141"/>
      <c r="E2" s="141"/>
      <c r="F2" s="141"/>
      <c r="G2" s="141"/>
      <c r="H2" s="141"/>
      <c r="I2" s="141"/>
      <c r="J2" s="141"/>
      <c r="K2" s="141"/>
      <c r="L2" s="141"/>
      <c r="M2" s="141"/>
      <c r="N2" s="141"/>
      <c r="O2" s="141"/>
      <c r="P2" s="141"/>
      <c r="Q2" s="141"/>
      <c r="R2" s="141"/>
      <c r="S2" s="141"/>
      <c r="T2" s="141"/>
      <c r="U2" s="141"/>
      <c r="V2" s="141"/>
      <c r="W2" s="141"/>
      <c r="X2" s="141"/>
      <c r="Y2" s="141"/>
      <c r="Z2" s="141"/>
      <c r="AA2" s="141"/>
      <c r="AB2" s="141"/>
      <c r="AC2" s="141"/>
    </row>
    <row r="3" spans="1:29" ht="9.75" customHeight="1" x14ac:dyDescent="0.2">
      <c r="A3" s="28"/>
      <c r="B3" s="28"/>
      <c r="C3" s="28"/>
      <c r="D3" s="28"/>
      <c r="E3" s="28"/>
      <c r="F3" s="28"/>
      <c r="G3" s="28"/>
      <c r="H3" s="28"/>
      <c r="I3" s="28"/>
      <c r="J3" s="29"/>
      <c r="K3" s="30"/>
      <c r="L3" s="5"/>
      <c r="M3" s="5"/>
      <c r="N3" s="5"/>
      <c r="O3" s="5"/>
      <c r="P3" s="5"/>
      <c r="Q3" s="5"/>
      <c r="R3" s="5"/>
      <c r="S3" s="5"/>
      <c r="T3" s="5"/>
      <c r="U3" s="5"/>
      <c r="V3" s="5"/>
      <c r="W3" s="5"/>
      <c r="X3" s="5"/>
      <c r="Y3" s="5"/>
      <c r="Z3" s="5"/>
      <c r="AA3" s="5"/>
      <c r="AB3" s="5"/>
      <c r="AC3" s="5"/>
    </row>
    <row r="4" spans="1:29" ht="14" customHeight="1" x14ac:dyDescent="0.2">
      <c r="A4" s="46" t="s">
        <v>0</v>
      </c>
      <c r="B4" s="100"/>
      <c r="C4" s="100"/>
      <c r="D4" s="100"/>
      <c r="E4" s="100"/>
      <c r="F4" s="100"/>
      <c r="G4" s="100"/>
      <c r="H4" s="100"/>
      <c r="I4" s="100"/>
      <c r="J4" s="100"/>
      <c r="K4" s="100"/>
      <c r="L4" s="100"/>
      <c r="M4" s="100"/>
      <c r="N4" s="100"/>
      <c r="O4" s="100"/>
      <c r="P4" s="100"/>
      <c r="Q4" s="100"/>
      <c r="R4" s="112" t="s">
        <v>8</v>
      </c>
      <c r="S4" s="112"/>
      <c r="T4" s="113"/>
      <c r="U4" s="109"/>
      <c r="V4" s="110"/>
      <c r="W4" s="3" t="s">
        <v>14</v>
      </c>
      <c r="X4" s="108"/>
      <c r="Y4" s="108"/>
      <c r="Z4" s="3" t="s">
        <v>13</v>
      </c>
      <c r="AA4" s="108"/>
      <c r="AB4" s="108"/>
      <c r="AC4" s="4" t="s">
        <v>12</v>
      </c>
    </row>
    <row r="5" spans="1:29" ht="36" customHeight="1" x14ac:dyDescent="0.2">
      <c r="A5" s="39" t="s">
        <v>1</v>
      </c>
      <c r="B5" s="101"/>
      <c r="C5" s="101"/>
      <c r="D5" s="101"/>
      <c r="E5" s="101"/>
      <c r="F5" s="101"/>
      <c r="G5" s="101"/>
      <c r="H5" s="101"/>
      <c r="I5" s="101"/>
      <c r="J5" s="101"/>
      <c r="K5" s="101"/>
      <c r="L5" s="101"/>
      <c r="M5" s="101"/>
      <c r="N5" s="101"/>
      <c r="O5" s="101"/>
      <c r="P5" s="101"/>
      <c r="Q5" s="101"/>
      <c r="R5" s="34" t="s">
        <v>20</v>
      </c>
      <c r="S5" s="5"/>
      <c r="T5" s="5"/>
      <c r="U5" s="116"/>
      <c r="V5" s="116"/>
      <c r="W5" s="116"/>
      <c r="X5" s="116"/>
      <c r="Y5" s="116"/>
      <c r="Z5" s="116"/>
      <c r="AA5" s="116"/>
      <c r="AB5" s="116"/>
      <c r="AC5" s="117"/>
    </row>
    <row r="6" spans="1:29" ht="14.25" customHeight="1" x14ac:dyDescent="0.2">
      <c r="A6" s="46" t="s">
        <v>0</v>
      </c>
      <c r="B6" s="102"/>
      <c r="C6" s="102"/>
      <c r="D6" s="102"/>
      <c r="E6" s="102"/>
      <c r="F6" s="102"/>
      <c r="G6" s="102"/>
      <c r="H6" s="102"/>
      <c r="I6" s="102"/>
      <c r="J6" s="102"/>
      <c r="K6" s="102"/>
      <c r="L6" s="102"/>
      <c r="M6" s="102"/>
      <c r="N6" s="102"/>
      <c r="O6" s="102"/>
      <c r="P6" s="102"/>
      <c r="Q6" s="102"/>
      <c r="R6" s="115"/>
      <c r="S6" s="116"/>
      <c r="T6" s="116"/>
      <c r="U6" s="116"/>
      <c r="V6" s="116"/>
      <c r="W6" s="116"/>
      <c r="X6" s="116"/>
      <c r="Y6" s="116"/>
      <c r="Z6" s="116"/>
      <c r="AA6" s="116"/>
      <c r="AB6" s="116"/>
      <c r="AC6" s="117"/>
    </row>
    <row r="7" spans="1:29" ht="36" customHeight="1" x14ac:dyDescent="0.2">
      <c r="A7" s="41" t="s">
        <v>2</v>
      </c>
      <c r="B7" s="103"/>
      <c r="C7" s="103"/>
      <c r="D7" s="103"/>
      <c r="E7" s="103"/>
      <c r="F7" s="103"/>
      <c r="G7" s="103"/>
      <c r="H7" s="103"/>
      <c r="I7" s="103"/>
      <c r="J7" s="103"/>
      <c r="K7" s="103"/>
      <c r="L7" s="103"/>
      <c r="M7" s="103"/>
      <c r="N7" s="103"/>
      <c r="O7" s="103"/>
      <c r="P7" s="103"/>
      <c r="Q7" s="103"/>
      <c r="R7" s="115"/>
      <c r="S7" s="116"/>
      <c r="T7" s="116"/>
      <c r="U7" s="116"/>
      <c r="V7" s="116"/>
      <c r="W7" s="116"/>
      <c r="X7" s="116"/>
      <c r="Y7" s="116"/>
      <c r="Z7" s="116"/>
      <c r="AA7" s="116"/>
      <c r="AB7" s="116"/>
      <c r="AC7" s="117"/>
    </row>
    <row r="8" spans="1:29" ht="30.75" customHeight="1" x14ac:dyDescent="0.2">
      <c r="A8" s="40" t="s">
        <v>6</v>
      </c>
      <c r="B8" s="129"/>
      <c r="C8" s="130"/>
      <c r="D8" s="130"/>
      <c r="E8" s="130"/>
      <c r="F8" s="130"/>
      <c r="G8" s="131"/>
      <c r="H8" s="114" t="s">
        <v>71</v>
      </c>
      <c r="I8" s="76"/>
      <c r="J8" s="76"/>
      <c r="K8" s="77"/>
      <c r="L8" s="104"/>
      <c r="M8" s="104"/>
      <c r="N8" s="104"/>
      <c r="O8" s="104"/>
      <c r="P8" s="104"/>
      <c r="Q8" s="105"/>
      <c r="R8" s="115"/>
      <c r="S8" s="116"/>
      <c r="T8" s="116"/>
      <c r="U8" s="116"/>
      <c r="V8" s="116"/>
      <c r="W8" s="116"/>
      <c r="X8" s="116"/>
      <c r="Y8" s="116"/>
      <c r="Z8" s="116"/>
      <c r="AA8" s="116"/>
      <c r="AB8" s="116"/>
      <c r="AC8" s="117"/>
    </row>
    <row r="9" spans="1:29" ht="30.75" customHeight="1" x14ac:dyDescent="0.2">
      <c r="A9" s="40" t="s">
        <v>7</v>
      </c>
      <c r="B9" s="98"/>
      <c r="C9" s="98"/>
      <c r="D9" s="98"/>
      <c r="E9" s="99"/>
      <c r="F9" s="32" t="s">
        <v>3</v>
      </c>
      <c r="G9" s="33"/>
      <c r="H9" s="111" t="s">
        <v>4</v>
      </c>
      <c r="I9" s="111"/>
      <c r="J9" s="111"/>
      <c r="K9" s="111"/>
      <c r="L9" s="106"/>
      <c r="M9" s="106"/>
      <c r="N9" s="106"/>
      <c r="O9" s="106"/>
      <c r="P9" s="107"/>
      <c r="Q9" s="7" t="s">
        <v>3</v>
      </c>
      <c r="R9" s="115"/>
      <c r="S9" s="116"/>
      <c r="T9" s="116"/>
      <c r="U9" s="116"/>
      <c r="V9" s="116"/>
      <c r="W9" s="116"/>
      <c r="X9" s="116"/>
      <c r="Y9" s="116"/>
      <c r="Z9" s="116"/>
      <c r="AA9" s="116"/>
      <c r="AB9" s="116"/>
      <c r="AC9" s="117"/>
    </row>
    <row r="10" spans="1:29" ht="30.75" customHeight="1" x14ac:dyDescent="0.2">
      <c r="A10" s="40" t="s">
        <v>113</v>
      </c>
      <c r="B10" s="132"/>
      <c r="C10" s="133"/>
      <c r="D10" s="133"/>
      <c r="E10" s="133"/>
      <c r="F10" s="133"/>
      <c r="G10" s="134"/>
      <c r="H10" s="135" t="s">
        <v>114</v>
      </c>
      <c r="I10" s="136"/>
      <c r="J10" s="136"/>
      <c r="K10" s="137"/>
      <c r="L10" s="138"/>
      <c r="M10" s="139"/>
      <c r="N10" s="139"/>
      <c r="O10" s="139"/>
      <c r="P10" s="139"/>
      <c r="Q10" s="7" t="s">
        <v>94</v>
      </c>
      <c r="R10" s="115"/>
      <c r="S10" s="116"/>
      <c r="T10" s="116"/>
      <c r="U10" s="116"/>
      <c r="V10" s="116"/>
      <c r="W10" s="116"/>
      <c r="X10" s="116"/>
      <c r="Y10" s="116"/>
      <c r="Z10" s="116"/>
      <c r="AA10" s="116"/>
      <c r="AB10" s="116"/>
      <c r="AC10" s="117"/>
    </row>
    <row r="11" spans="1:29" ht="30.75" customHeight="1" x14ac:dyDescent="0.2">
      <c r="A11" s="40" t="s">
        <v>115</v>
      </c>
      <c r="B11" s="129"/>
      <c r="C11" s="130"/>
      <c r="D11" s="130"/>
      <c r="E11" s="130" t="s">
        <v>95</v>
      </c>
      <c r="F11" s="130"/>
      <c r="G11" s="131"/>
      <c r="H11" s="121" t="s">
        <v>111</v>
      </c>
      <c r="I11" s="121"/>
      <c r="J11" s="121"/>
      <c r="K11" s="121"/>
      <c r="L11" s="107"/>
      <c r="M11" s="104"/>
      <c r="N11" s="104"/>
      <c r="O11" s="104"/>
      <c r="P11" s="104"/>
      <c r="Q11" s="105"/>
      <c r="R11" s="115"/>
      <c r="S11" s="116"/>
      <c r="T11" s="116"/>
      <c r="U11" s="116"/>
      <c r="V11" s="116"/>
      <c r="W11" s="116"/>
      <c r="X11" s="116"/>
      <c r="Y11" s="116"/>
      <c r="Z11" s="116"/>
      <c r="AA11" s="116"/>
      <c r="AB11" s="116"/>
      <c r="AC11" s="117"/>
    </row>
    <row r="12" spans="1:29" ht="30.75" customHeight="1" x14ac:dyDescent="0.2">
      <c r="A12" s="40" t="s">
        <v>110</v>
      </c>
      <c r="B12" s="122"/>
      <c r="C12" s="123"/>
      <c r="D12" s="123"/>
      <c r="E12" s="123"/>
      <c r="F12" s="123"/>
      <c r="G12" s="123"/>
      <c r="H12" s="128" t="s">
        <v>19</v>
      </c>
      <c r="I12" s="104"/>
      <c r="J12" s="104"/>
      <c r="K12" s="104"/>
      <c r="L12" s="104"/>
      <c r="M12" s="104"/>
      <c r="N12" s="104"/>
      <c r="O12" s="104"/>
      <c r="P12" s="104"/>
      <c r="Q12" s="105"/>
      <c r="R12" s="115"/>
      <c r="S12" s="116"/>
      <c r="T12" s="116"/>
      <c r="U12" s="116"/>
      <c r="V12" s="116"/>
      <c r="W12" s="116"/>
      <c r="X12" s="116"/>
      <c r="Y12" s="116"/>
      <c r="Z12" s="116"/>
      <c r="AA12" s="116"/>
      <c r="AB12" s="116"/>
      <c r="AC12" s="117"/>
    </row>
    <row r="13" spans="1:29" ht="30.75" customHeight="1" x14ac:dyDescent="0.2">
      <c r="A13" s="40" t="s">
        <v>112</v>
      </c>
      <c r="B13" s="86"/>
      <c r="C13" s="87"/>
      <c r="D13" s="87"/>
      <c r="E13" s="87"/>
      <c r="F13" s="87"/>
      <c r="G13" s="88"/>
      <c r="H13" s="109"/>
      <c r="I13" s="110"/>
      <c r="J13" s="110"/>
      <c r="K13" s="110"/>
      <c r="L13" s="110"/>
      <c r="M13" s="110"/>
      <c r="N13" s="110"/>
      <c r="O13" s="110"/>
      <c r="P13" s="110"/>
      <c r="Q13" s="127"/>
      <c r="R13" s="118"/>
      <c r="S13" s="119"/>
      <c r="T13" s="119"/>
      <c r="U13" s="119"/>
      <c r="V13" s="119"/>
      <c r="W13" s="119"/>
      <c r="X13" s="119"/>
      <c r="Y13" s="119"/>
      <c r="Z13" s="119"/>
      <c r="AA13" s="119"/>
      <c r="AB13" s="119"/>
      <c r="AC13" s="120"/>
    </row>
    <row r="14" spans="1:29" ht="81.75" customHeight="1" x14ac:dyDescent="0.2">
      <c r="A14" s="56" t="s">
        <v>92</v>
      </c>
      <c r="B14" s="39" t="s">
        <v>93</v>
      </c>
      <c r="C14" s="84"/>
      <c r="D14" s="85"/>
      <c r="E14" s="85"/>
      <c r="F14" s="85"/>
      <c r="G14" s="85"/>
      <c r="H14" s="85"/>
      <c r="I14" s="85"/>
      <c r="J14" s="85"/>
      <c r="K14" s="85"/>
      <c r="L14" s="85"/>
      <c r="M14" s="85"/>
      <c r="N14" s="85"/>
      <c r="O14" s="85"/>
      <c r="P14" s="85"/>
      <c r="Q14" s="85"/>
      <c r="R14" s="85"/>
      <c r="S14" s="85"/>
      <c r="T14" s="85"/>
      <c r="U14" s="85"/>
      <c r="V14" s="85"/>
      <c r="W14" s="85"/>
      <c r="X14" s="85"/>
      <c r="Y14" s="85"/>
      <c r="Z14" s="85"/>
      <c r="AA14" s="85"/>
      <c r="AB14" s="85"/>
      <c r="AC14" s="31">
        <f>LEN(C14)</f>
        <v>0</v>
      </c>
    </row>
    <row r="15" spans="1:29" ht="30.75" customHeight="1" x14ac:dyDescent="0.2">
      <c r="A15" s="57"/>
      <c r="B15" s="40" t="s">
        <v>116</v>
      </c>
      <c r="C15" s="68"/>
      <c r="D15" s="69"/>
      <c r="E15" s="69"/>
      <c r="F15" s="69"/>
      <c r="G15" s="69"/>
      <c r="H15" s="69"/>
      <c r="I15" s="69"/>
      <c r="J15" s="69"/>
      <c r="K15" s="69"/>
      <c r="L15" s="69"/>
      <c r="M15" s="69"/>
      <c r="N15" s="69"/>
      <c r="O15" s="69"/>
      <c r="P15" s="69"/>
      <c r="Q15" s="69"/>
      <c r="R15" s="69"/>
      <c r="S15" s="69"/>
      <c r="T15" s="69"/>
      <c r="U15" s="69"/>
      <c r="V15" s="69"/>
      <c r="W15" s="69"/>
      <c r="X15" s="69"/>
      <c r="Y15" s="69"/>
      <c r="Z15" s="69"/>
      <c r="AA15" s="69"/>
      <c r="AB15" s="69"/>
      <c r="AC15" s="70"/>
    </row>
    <row r="16" spans="1:29" ht="30.75" customHeight="1" x14ac:dyDescent="0.2">
      <c r="A16" s="57"/>
      <c r="B16" s="40" t="s">
        <v>122</v>
      </c>
      <c r="C16" s="68"/>
      <c r="D16" s="69"/>
      <c r="E16" s="69"/>
      <c r="F16" s="69"/>
      <c r="G16" s="69"/>
      <c r="H16" s="69"/>
      <c r="I16" s="69"/>
      <c r="J16" s="69"/>
      <c r="K16" s="69"/>
      <c r="L16" s="69"/>
      <c r="M16" s="69"/>
      <c r="N16" s="69"/>
      <c r="O16" s="69"/>
      <c r="P16" s="69"/>
      <c r="Q16" s="69"/>
      <c r="R16" s="69"/>
      <c r="S16" s="69"/>
      <c r="T16" s="69"/>
      <c r="U16" s="69"/>
      <c r="V16" s="69"/>
      <c r="W16" s="69"/>
      <c r="X16" s="69"/>
      <c r="Y16" s="69"/>
      <c r="Z16" s="69"/>
      <c r="AA16" s="69"/>
      <c r="AB16" s="69"/>
      <c r="AC16" s="70"/>
    </row>
    <row r="17" spans="1:29" ht="30.75" customHeight="1" x14ac:dyDescent="0.2">
      <c r="A17" s="57"/>
      <c r="B17" s="40" t="s">
        <v>121</v>
      </c>
      <c r="C17" s="68"/>
      <c r="D17" s="69"/>
      <c r="E17" s="69"/>
      <c r="F17" s="69"/>
      <c r="G17" s="69"/>
      <c r="H17" s="69"/>
      <c r="I17" s="69"/>
      <c r="J17" s="69"/>
      <c r="K17" s="69"/>
      <c r="L17" s="69"/>
      <c r="M17" s="69"/>
      <c r="N17" s="69"/>
      <c r="O17" s="69"/>
      <c r="P17" s="69"/>
      <c r="Q17" s="69"/>
      <c r="R17" s="69"/>
      <c r="S17" s="69"/>
      <c r="T17" s="69"/>
      <c r="U17" s="69"/>
      <c r="V17" s="69"/>
      <c r="W17" s="69"/>
      <c r="X17" s="69"/>
      <c r="Y17" s="69"/>
      <c r="Z17" s="69"/>
      <c r="AA17" s="69"/>
      <c r="AB17" s="69"/>
      <c r="AC17" s="70"/>
    </row>
    <row r="18" spans="1:29" ht="44.25" customHeight="1" x14ac:dyDescent="0.2">
      <c r="A18" s="57"/>
      <c r="B18" s="40" t="s">
        <v>117</v>
      </c>
      <c r="C18" s="68"/>
      <c r="D18" s="69"/>
      <c r="E18" s="69"/>
      <c r="F18" s="69"/>
      <c r="G18" s="69"/>
      <c r="H18" s="69"/>
      <c r="I18" s="69"/>
      <c r="J18" s="69"/>
      <c r="K18" s="69"/>
      <c r="L18" s="69"/>
      <c r="M18" s="69"/>
      <c r="N18" s="69"/>
      <c r="O18" s="69"/>
      <c r="P18" s="69"/>
      <c r="Q18" s="69"/>
      <c r="R18" s="69"/>
      <c r="S18" s="69"/>
      <c r="T18" s="69"/>
      <c r="U18" s="69"/>
      <c r="V18" s="69"/>
      <c r="W18" s="69"/>
      <c r="X18" s="69"/>
      <c r="Y18" s="69"/>
      <c r="Z18" s="69"/>
      <c r="AA18" s="69"/>
      <c r="AB18" s="69"/>
      <c r="AC18" s="70"/>
    </row>
    <row r="19" spans="1:29" ht="28.5" customHeight="1" x14ac:dyDescent="0.2">
      <c r="A19" s="57"/>
      <c r="B19" s="56" t="s">
        <v>81</v>
      </c>
      <c r="C19" s="91"/>
      <c r="D19" s="92"/>
      <c r="E19" s="92"/>
      <c r="F19" s="92"/>
      <c r="G19" s="92"/>
      <c r="H19" s="92"/>
      <c r="I19" s="92"/>
      <c r="J19" s="92"/>
      <c r="K19" s="92"/>
      <c r="L19" s="92"/>
      <c r="M19" s="92"/>
      <c r="N19" s="93"/>
      <c r="O19" s="76" t="s">
        <v>21</v>
      </c>
      <c r="P19" s="76"/>
      <c r="Q19" s="76"/>
      <c r="R19" s="76"/>
      <c r="S19" s="76"/>
      <c r="T19" s="76"/>
      <c r="U19" s="76"/>
      <c r="V19" s="76"/>
      <c r="W19" s="76"/>
      <c r="X19" s="76"/>
      <c r="Y19" s="76"/>
      <c r="Z19" s="76"/>
      <c r="AA19" s="76"/>
      <c r="AB19" s="76"/>
      <c r="AC19" s="77"/>
    </row>
    <row r="20" spans="1:29" ht="7.5" customHeight="1" x14ac:dyDescent="0.2">
      <c r="A20" s="57"/>
      <c r="B20" s="89"/>
      <c r="C20" s="94"/>
      <c r="D20" s="95"/>
      <c r="E20" s="95"/>
      <c r="F20" s="95"/>
      <c r="G20" s="95"/>
      <c r="H20" s="95"/>
      <c r="I20" s="95"/>
      <c r="J20" s="95"/>
      <c r="K20" s="95"/>
      <c r="L20" s="95"/>
      <c r="M20" s="95"/>
      <c r="N20" s="96"/>
      <c r="O20" s="5"/>
      <c r="P20" s="5"/>
      <c r="Q20" s="5"/>
      <c r="R20" s="5"/>
      <c r="S20" s="5"/>
      <c r="T20" s="5"/>
      <c r="U20" s="5"/>
      <c r="V20" s="5"/>
      <c r="W20" s="5"/>
      <c r="X20" s="5"/>
      <c r="Y20" s="5"/>
      <c r="Z20" s="5"/>
      <c r="AA20" s="5"/>
      <c r="AB20" s="5"/>
      <c r="AC20" s="24"/>
    </row>
    <row r="21" spans="1:29" ht="30.75" customHeight="1" x14ac:dyDescent="0.2">
      <c r="A21" s="57"/>
      <c r="B21" s="89"/>
      <c r="C21" s="94"/>
      <c r="D21" s="95"/>
      <c r="E21" s="95"/>
      <c r="F21" s="95"/>
      <c r="G21" s="95"/>
      <c r="H21" s="95"/>
      <c r="I21" s="95"/>
      <c r="J21" s="95"/>
      <c r="K21" s="95"/>
      <c r="L21" s="95"/>
      <c r="M21" s="95"/>
      <c r="N21" s="96"/>
      <c r="O21" s="5"/>
      <c r="P21" s="51"/>
      <c r="Q21" s="5" t="s">
        <v>22</v>
      </c>
      <c r="R21" s="5"/>
      <c r="S21" s="51"/>
      <c r="T21" s="5" t="s">
        <v>23</v>
      </c>
      <c r="U21" s="5"/>
      <c r="V21" s="51"/>
      <c r="W21" s="5" t="s">
        <v>24</v>
      </c>
      <c r="X21" s="35"/>
      <c r="Y21" s="5"/>
      <c r="Z21" s="51"/>
      <c r="AA21" s="5" t="s">
        <v>26</v>
      </c>
      <c r="AB21" s="5"/>
      <c r="AC21" s="24"/>
    </row>
    <row r="22" spans="1:29" ht="30.75" customHeight="1" x14ac:dyDescent="0.2">
      <c r="A22" s="57"/>
      <c r="B22" s="89"/>
      <c r="C22" s="94"/>
      <c r="D22" s="95"/>
      <c r="E22" s="95"/>
      <c r="F22" s="95"/>
      <c r="G22" s="95"/>
      <c r="H22" s="95"/>
      <c r="I22" s="95"/>
      <c r="J22" s="95"/>
      <c r="K22" s="95"/>
      <c r="L22" s="95"/>
      <c r="M22" s="95"/>
      <c r="N22" s="96"/>
      <c r="O22" s="5"/>
      <c r="P22" s="51"/>
      <c r="Q22" s="5" t="s">
        <v>25</v>
      </c>
      <c r="R22" s="5"/>
      <c r="S22" s="51"/>
      <c r="T22" s="5" t="s">
        <v>90</v>
      </c>
      <c r="U22" s="5"/>
      <c r="V22" s="51"/>
      <c r="W22" s="5" t="s">
        <v>27</v>
      </c>
      <c r="X22" s="5"/>
      <c r="Y22" s="5"/>
      <c r="Z22" s="51"/>
      <c r="AA22" s="5" t="s">
        <v>28</v>
      </c>
      <c r="AB22" s="5"/>
      <c r="AC22" s="24"/>
    </row>
    <row r="23" spans="1:29" ht="30.75" customHeight="1" x14ac:dyDescent="0.2">
      <c r="A23" s="57"/>
      <c r="B23" s="90"/>
      <c r="C23" s="94"/>
      <c r="D23" s="95"/>
      <c r="E23" s="95"/>
      <c r="F23" s="95"/>
      <c r="G23" s="95"/>
      <c r="H23" s="95"/>
      <c r="I23" s="95"/>
      <c r="J23" s="95"/>
      <c r="K23" s="95"/>
      <c r="L23" s="95"/>
      <c r="M23" s="95"/>
      <c r="N23" s="96"/>
      <c r="O23" s="5"/>
      <c r="P23" s="51"/>
      <c r="Q23" s="5" t="s">
        <v>29</v>
      </c>
      <c r="R23" s="5"/>
      <c r="S23" s="51"/>
      <c r="T23" s="5" t="s">
        <v>30</v>
      </c>
      <c r="U23" s="5"/>
      <c r="V23" s="51"/>
      <c r="W23" s="5" t="s">
        <v>31</v>
      </c>
      <c r="X23" s="5"/>
      <c r="Y23" s="5"/>
      <c r="Z23" s="51"/>
      <c r="AA23" s="5" t="s">
        <v>33</v>
      </c>
      <c r="AB23" s="5"/>
      <c r="AC23" s="24"/>
    </row>
    <row r="24" spans="1:29" ht="30.75" customHeight="1" x14ac:dyDescent="0.2">
      <c r="A24" s="57"/>
      <c r="B24" s="42" t="s">
        <v>5</v>
      </c>
      <c r="C24" s="81"/>
      <c r="D24" s="82"/>
      <c r="E24" s="82"/>
      <c r="F24" s="82"/>
      <c r="G24" s="83"/>
      <c r="H24" s="59" t="s">
        <v>45</v>
      </c>
      <c r="I24" s="60"/>
      <c r="J24" s="60"/>
      <c r="K24" s="60"/>
      <c r="L24" s="60"/>
      <c r="M24" s="60"/>
      <c r="N24" s="61"/>
      <c r="O24" s="5"/>
      <c r="P24" s="51"/>
      <c r="Q24" s="5" t="s">
        <v>32</v>
      </c>
      <c r="R24" s="5"/>
      <c r="S24" s="52"/>
      <c r="T24" s="5" t="s">
        <v>89</v>
      </c>
      <c r="U24" s="35"/>
      <c r="V24" s="53"/>
      <c r="W24" s="5" t="s">
        <v>35</v>
      </c>
      <c r="X24" s="35"/>
      <c r="Y24" s="5"/>
      <c r="Z24" s="53"/>
      <c r="AA24" s="5" t="s">
        <v>34</v>
      </c>
      <c r="AB24" s="5"/>
      <c r="AC24" s="24"/>
    </row>
    <row r="25" spans="1:29" ht="30.75" customHeight="1" x14ac:dyDescent="0.2">
      <c r="A25" s="57"/>
      <c r="B25" s="40" t="s">
        <v>10</v>
      </c>
      <c r="C25" s="142"/>
      <c r="D25" s="143"/>
      <c r="E25" s="143"/>
      <c r="F25" s="143"/>
      <c r="G25" s="143"/>
      <c r="H25" s="144"/>
      <c r="I25" s="145"/>
      <c r="J25" s="146"/>
      <c r="K25" s="146"/>
      <c r="L25" s="146"/>
      <c r="M25" s="146"/>
      <c r="N25" s="147"/>
      <c r="O25" s="5"/>
      <c r="P25" s="51"/>
      <c r="Q25" s="5" t="s">
        <v>36</v>
      </c>
      <c r="R25" s="5"/>
      <c r="S25" s="51"/>
      <c r="T25" s="5" t="s">
        <v>37</v>
      </c>
      <c r="U25" s="5"/>
      <c r="V25" s="51"/>
      <c r="W25" s="5" t="s">
        <v>38</v>
      </c>
      <c r="X25" s="5"/>
      <c r="Y25" s="35"/>
      <c r="Z25" s="53"/>
      <c r="AA25" s="5" t="s">
        <v>88</v>
      </c>
      <c r="AB25" s="5"/>
      <c r="AC25" s="24"/>
    </row>
    <row r="26" spans="1:29" ht="30.75" customHeight="1" x14ac:dyDescent="0.2">
      <c r="A26" s="57"/>
      <c r="B26" s="43" t="s">
        <v>120</v>
      </c>
      <c r="C26" s="160"/>
      <c r="D26" s="161"/>
      <c r="E26" s="161"/>
      <c r="F26" s="161"/>
      <c r="G26" s="161"/>
      <c r="H26" s="162"/>
      <c r="I26" s="148"/>
      <c r="J26" s="149"/>
      <c r="K26" s="149"/>
      <c r="L26" s="149"/>
      <c r="M26" s="149"/>
      <c r="N26" s="150"/>
      <c r="O26" s="5"/>
      <c r="P26" s="51"/>
      <c r="Q26" s="5" t="s">
        <v>39</v>
      </c>
      <c r="R26" s="5"/>
      <c r="S26" s="51"/>
      <c r="T26" s="5" t="s">
        <v>40</v>
      </c>
      <c r="U26" s="5"/>
      <c r="V26" s="51"/>
      <c r="W26" s="5" t="s">
        <v>41</v>
      </c>
      <c r="X26" s="5"/>
      <c r="Y26" s="5"/>
      <c r="Z26" s="51"/>
      <c r="AA26" s="5" t="s">
        <v>42</v>
      </c>
      <c r="AB26" s="5"/>
      <c r="AC26" s="24"/>
    </row>
    <row r="27" spans="1:29" ht="30.75" customHeight="1" x14ac:dyDescent="0.2">
      <c r="A27" s="57"/>
      <c r="B27" s="44" t="s">
        <v>82</v>
      </c>
      <c r="C27" s="62"/>
      <c r="D27" s="63"/>
      <c r="E27" s="63"/>
      <c r="F27" s="63"/>
      <c r="G27" s="63"/>
      <c r="H27" s="64"/>
      <c r="I27" s="148"/>
      <c r="J27" s="149"/>
      <c r="K27" s="149"/>
      <c r="L27" s="149"/>
      <c r="M27" s="149"/>
      <c r="N27" s="150"/>
      <c r="O27" s="5"/>
      <c r="P27" s="52"/>
      <c r="Q27" s="5" t="s">
        <v>87</v>
      </c>
      <c r="R27" s="5"/>
      <c r="S27" s="52"/>
      <c r="T27" s="5" t="s">
        <v>85</v>
      </c>
      <c r="U27" s="5"/>
      <c r="V27" s="53"/>
      <c r="W27" s="5" t="s">
        <v>78</v>
      </c>
      <c r="X27" s="5"/>
      <c r="Y27" s="5"/>
      <c r="Z27" s="53"/>
      <c r="AA27" s="5" t="s">
        <v>86</v>
      </c>
      <c r="AB27" s="5"/>
      <c r="AC27" s="24"/>
    </row>
    <row r="28" spans="1:29" ht="6" customHeight="1" x14ac:dyDescent="0.2">
      <c r="A28" s="58"/>
      <c r="B28" s="45"/>
      <c r="C28" s="65"/>
      <c r="D28" s="66"/>
      <c r="E28" s="66"/>
      <c r="F28" s="66"/>
      <c r="G28" s="66"/>
      <c r="H28" s="67"/>
      <c r="I28" s="151"/>
      <c r="J28" s="152"/>
      <c r="K28" s="152"/>
      <c r="L28" s="152"/>
      <c r="M28" s="152"/>
      <c r="N28" s="153"/>
      <c r="O28" s="8"/>
      <c r="P28" s="8"/>
      <c r="Q28" s="8"/>
      <c r="R28" s="8"/>
      <c r="S28" s="8"/>
      <c r="T28" s="8"/>
      <c r="U28" s="8"/>
      <c r="V28" s="8"/>
      <c r="W28" s="8"/>
      <c r="X28" s="8"/>
      <c r="Y28" s="8"/>
      <c r="Z28" s="8"/>
      <c r="AA28" s="8"/>
      <c r="AB28" s="8"/>
      <c r="AC28" s="9"/>
    </row>
    <row r="29" spans="1:29" ht="5.25" customHeight="1" x14ac:dyDescent="0.2">
      <c r="A29" s="57" t="s">
        <v>91</v>
      </c>
      <c r="B29" s="56" t="s">
        <v>59</v>
      </c>
      <c r="C29" s="6"/>
      <c r="D29" s="6"/>
      <c r="E29" s="6"/>
      <c r="F29" s="6"/>
      <c r="G29" s="6"/>
      <c r="H29" s="6"/>
      <c r="I29" s="6"/>
      <c r="J29" s="6"/>
      <c r="K29" s="6"/>
      <c r="L29" s="6"/>
      <c r="M29" s="6"/>
      <c r="N29" s="6"/>
      <c r="O29" s="5"/>
      <c r="P29" s="5"/>
      <c r="Q29" s="5"/>
      <c r="R29" s="5"/>
      <c r="S29" s="5"/>
      <c r="T29" s="5"/>
      <c r="U29" s="5"/>
      <c r="V29" s="5"/>
      <c r="W29" s="5"/>
      <c r="X29" s="5"/>
      <c r="Y29" s="5"/>
      <c r="Z29" s="5"/>
      <c r="AA29" s="5"/>
      <c r="AB29" s="5"/>
      <c r="AC29" s="24"/>
    </row>
    <row r="30" spans="1:29" ht="30.75" customHeight="1" x14ac:dyDescent="0.2">
      <c r="A30" s="57"/>
      <c r="B30" s="57"/>
      <c r="C30" s="6"/>
      <c r="D30" s="54"/>
      <c r="E30" s="11" t="s">
        <v>56</v>
      </c>
      <c r="F30" s="6"/>
      <c r="G30" s="6"/>
      <c r="H30" s="6"/>
      <c r="I30" s="54"/>
      <c r="J30" s="11" t="s">
        <v>54</v>
      </c>
      <c r="K30" s="6"/>
      <c r="L30" s="6"/>
      <c r="M30" s="6"/>
      <c r="N30" s="54"/>
      <c r="O30" s="5"/>
      <c r="P30" s="5" t="s">
        <v>51</v>
      </c>
      <c r="Q30" s="5"/>
      <c r="R30" s="5"/>
      <c r="S30" s="5"/>
      <c r="T30" s="5"/>
      <c r="U30" s="5"/>
      <c r="V30" s="54"/>
      <c r="W30" s="5" t="s">
        <v>53</v>
      </c>
      <c r="X30" s="5"/>
      <c r="Y30" s="5"/>
      <c r="Z30" s="54"/>
      <c r="AA30" s="11" t="s">
        <v>55</v>
      </c>
      <c r="AB30" s="5"/>
      <c r="AC30" s="24"/>
    </row>
    <row r="31" spans="1:29" ht="30.75" customHeight="1" x14ac:dyDescent="0.2">
      <c r="A31" s="57"/>
      <c r="B31" s="57"/>
      <c r="C31" s="6"/>
      <c r="D31" s="54"/>
      <c r="E31" s="11" t="s">
        <v>57</v>
      </c>
      <c r="F31" s="6"/>
      <c r="G31" s="6"/>
      <c r="H31" s="6"/>
      <c r="I31" s="6"/>
      <c r="J31" s="54"/>
      <c r="K31" s="5" t="s">
        <v>52</v>
      </c>
      <c r="L31" s="6"/>
      <c r="M31" s="6"/>
      <c r="N31" s="12"/>
      <c r="O31" s="5"/>
      <c r="P31" s="5"/>
      <c r="Q31" s="5"/>
      <c r="R31" s="5"/>
      <c r="S31" s="54"/>
      <c r="T31" s="5" t="s">
        <v>58</v>
      </c>
      <c r="U31" s="5"/>
      <c r="V31" s="71"/>
      <c r="W31" s="71"/>
      <c r="X31" s="71"/>
      <c r="Y31" s="71"/>
      <c r="Z31" s="71"/>
      <c r="AA31" s="71"/>
      <c r="AB31" s="71"/>
      <c r="AC31" s="72"/>
    </row>
    <row r="32" spans="1:29" ht="4.5" customHeight="1" x14ac:dyDescent="0.2">
      <c r="A32" s="57"/>
      <c r="B32" s="58"/>
      <c r="C32" s="6"/>
      <c r="D32" s="6"/>
      <c r="E32" s="11"/>
      <c r="F32" s="6"/>
      <c r="G32" s="6"/>
      <c r="H32" s="6"/>
      <c r="I32" s="6"/>
      <c r="J32" s="6"/>
      <c r="K32" s="6"/>
      <c r="L32" s="6"/>
      <c r="M32" s="6"/>
      <c r="N32" s="6"/>
      <c r="O32" s="5"/>
      <c r="P32" s="5"/>
      <c r="Q32" s="5"/>
      <c r="R32" s="5"/>
      <c r="S32" s="5"/>
      <c r="T32" s="5"/>
      <c r="U32" s="5"/>
      <c r="V32" s="5"/>
      <c r="W32" s="5"/>
      <c r="X32" s="5"/>
      <c r="Y32" s="5"/>
      <c r="Z32" s="5"/>
      <c r="AA32" s="5"/>
      <c r="AB32" s="5"/>
      <c r="AC32" s="24"/>
    </row>
    <row r="33" spans="1:29" ht="42" customHeight="1" x14ac:dyDescent="0.2">
      <c r="A33" s="57"/>
      <c r="B33" s="40" t="s">
        <v>60</v>
      </c>
      <c r="C33" s="154"/>
      <c r="D33" s="155"/>
      <c r="E33" s="155"/>
      <c r="F33" s="155"/>
      <c r="G33" s="155"/>
      <c r="H33" s="155"/>
      <c r="I33" s="155"/>
      <c r="J33" s="155"/>
      <c r="K33" s="155"/>
      <c r="L33" s="155"/>
      <c r="M33" s="155"/>
      <c r="N33" s="155"/>
      <c r="O33" s="155"/>
      <c r="P33" s="155"/>
      <c r="Q33" s="155"/>
      <c r="R33" s="155"/>
      <c r="S33" s="155"/>
      <c r="T33" s="155"/>
      <c r="U33" s="155"/>
      <c r="V33" s="155"/>
      <c r="W33" s="155"/>
      <c r="X33" s="155"/>
      <c r="Y33" s="155"/>
      <c r="Z33" s="155"/>
      <c r="AA33" s="155"/>
      <c r="AB33" s="155"/>
      <c r="AC33" s="156"/>
    </row>
    <row r="34" spans="1:29" ht="30.75" customHeight="1" x14ac:dyDescent="0.2">
      <c r="A34" s="57"/>
      <c r="B34" s="38" t="s">
        <v>118</v>
      </c>
      <c r="C34" s="163"/>
      <c r="D34" s="164"/>
      <c r="E34" s="164"/>
      <c r="F34" s="164"/>
      <c r="G34" s="164"/>
      <c r="H34" s="164"/>
      <c r="I34" s="164"/>
      <c r="J34" s="164"/>
      <c r="K34" s="164"/>
      <c r="L34" s="164"/>
      <c r="M34" s="164"/>
      <c r="N34" s="164"/>
      <c r="O34" s="165"/>
      <c r="P34" s="157"/>
      <c r="Q34" s="158"/>
      <c r="R34" s="158"/>
      <c r="S34" s="158"/>
      <c r="T34" s="158"/>
      <c r="U34" s="158"/>
      <c r="V34" s="158"/>
      <c r="W34" s="158"/>
      <c r="X34" s="158"/>
      <c r="Y34" s="158"/>
      <c r="Z34" s="158"/>
      <c r="AA34" s="158"/>
      <c r="AB34" s="158"/>
      <c r="AC34" s="159"/>
    </row>
    <row r="35" spans="1:29" ht="30.75" customHeight="1" x14ac:dyDescent="0.2">
      <c r="A35" s="57"/>
      <c r="B35" s="49" t="s">
        <v>119</v>
      </c>
      <c r="C35" s="73"/>
      <c r="D35" s="74"/>
      <c r="E35" s="74"/>
      <c r="F35" s="74"/>
      <c r="G35" s="74"/>
      <c r="H35" s="74"/>
      <c r="I35" s="74"/>
      <c r="J35" s="74"/>
      <c r="K35" s="74"/>
      <c r="L35" s="74"/>
      <c r="M35" s="74"/>
      <c r="N35" s="74"/>
      <c r="O35" s="74"/>
      <c r="P35" s="74"/>
      <c r="Q35" s="74"/>
      <c r="R35" s="74"/>
      <c r="S35" s="74"/>
      <c r="T35" s="74"/>
      <c r="U35" s="74"/>
      <c r="V35" s="74"/>
      <c r="W35" s="74"/>
      <c r="X35" s="74"/>
      <c r="Y35" s="74"/>
      <c r="Z35" s="74"/>
      <c r="AA35" s="74"/>
      <c r="AB35" s="74"/>
      <c r="AC35" s="75"/>
    </row>
    <row r="36" spans="1:29" ht="4.5" customHeight="1" x14ac:dyDescent="0.2">
      <c r="A36" s="56" t="s">
        <v>15</v>
      </c>
      <c r="B36" s="56" t="s">
        <v>9</v>
      </c>
      <c r="C36" s="13"/>
      <c r="D36" s="14"/>
      <c r="E36" s="14"/>
      <c r="F36" s="14"/>
      <c r="G36" s="14"/>
      <c r="H36" s="14"/>
      <c r="I36" s="20"/>
      <c r="J36" s="20"/>
      <c r="K36" s="20"/>
      <c r="L36" s="23"/>
      <c r="M36" s="23"/>
      <c r="N36" s="23"/>
      <c r="O36" s="23"/>
      <c r="P36" s="23"/>
      <c r="Q36" s="23"/>
      <c r="R36" s="23"/>
      <c r="S36" s="23"/>
      <c r="T36" s="23"/>
      <c r="U36" s="23"/>
      <c r="V36" s="23"/>
      <c r="W36" s="23"/>
      <c r="X36" s="23"/>
      <c r="Y36" s="23"/>
      <c r="Z36" s="23"/>
      <c r="AA36" s="23"/>
      <c r="AB36" s="23"/>
      <c r="AC36" s="26"/>
    </row>
    <row r="37" spans="1:29" ht="30.75" customHeight="1" x14ac:dyDescent="0.2">
      <c r="A37" s="57"/>
      <c r="B37" s="57"/>
      <c r="C37" s="21"/>
      <c r="D37" s="54"/>
      <c r="E37" s="16" t="s">
        <v>61</v>
      </c>
      <c r="F37" s="16"/>
      <c r="G37" s="16"/>
      <c r="H37" s="54"/>
      <c r="I37" s="16" t="s">
        <v>69</v>
      </c>
      <c r="J37" s="16"/>
      <c r="K37" s="15"/>
      <c r="L37" s="15"/>
      <c r="M37" s="54"/>
      <c r="N37" s="5" t="s">
        <v>70</v>
      </c>
      <c r="O37" s="5"/>
      <c r="P37" s="5"/>
      <c r="Q37" s="5"/>
      <c r="R37" s="54"/>
      <c r="S37" s="5" t="s">
        <v>62</v>
      </c>
      <c r="T37" s="5"/>
      <c r="U37" s="5"/>
      <c r="V37" s="5"/>
      <c r="W37" s="54"/>
      <c r="X37" s="5" t="s">
        <v>63</v>
      </c>
      <c r="Y37" s="5"/>
      <c r="Z37" s="5"/>
      <c r="AA37" s="5"/>
      <c r="AB37" s="5"/>
      <c r="AC37" s="24"/>
    </row>
    <row r="38" spans="1:29" ht="30.75" customHeight="1" x14ac:dyDescent="0.2">
      <c r="A38" s="57"/>
      <c r="B38" s="57"/>
      <c r="C38" s="21"/>
      <c r="D38" s="54"/>
      <c r="E38" s="16" t="s">
        <v>64</v>
      </c>
      <c r="F38" s="16"/>
      <c r="G38" s="16"/>
      <c r="H38" s="54"/>
      <c r="I38" s="16" t="s">
        <v>65</v>
      </c>
      <c r="J38" s="16"/>
      <c r="K38" s="15"/>
      <c r="L38" s="5"/>
      <c r="M38" s="54"/>
      <c r="N38" s="5" t="s">
        <v>66</v>
      </c>
      <c r="O38" s="5"/>
      <c r="P38" s="5"/>
      <c r="Q38" s="5"/>
      <c r="R38" s="54"/>
      <c r="S38" s="5" t="s">
        <v>67</v>
      </c>
      <c r="T38" s="5"/>
      <c r="U38" s="5"/>
      <c r="V38" s="5"/>
      <c r="W38" s="54"/>
      <c r="X38" s="5" t="s">
        <v>58</v>
      </c>
      <c r="Y38" s="5"/>
      <c r="Z38" s="5"/>
      <c r="AA38" s="5"/>
      <c r="AB38" s="5"/>
      <c r="AC38" s="24"/>
    </row>
    <row r="39" spans="1:29" ht="4.5" customHeight="1" x14ac:dyDescent="0.2">
      <c r="A39" s="57"/>
      <c r="B39" s="58"/>
      <c r="C39" s="17"/>
      <c r="D39" s="18"/>
      <c r="E39" s="18"/>
      <c r="F39" s="18"/>
      <c r="G39" s="18"/>
      <c r="H39" s="18"/>
      <c r="I39" s="18"/>
      <c r="J39" s="18"/>
      <c r="K39" s="22"/>
      <c r="L39" s="10"/>
      <c r="M39" s="48"/>
      <c r="N39" s="10"/>
      <c r="O39" s="10"/>
      <c r="P39" s="10"/>
      <c r="Q39" s="10"/>
      <c r="R39" s="10"/>
      <c r="S39" s="10"/>
      <c r="T39" s="10"/>
      <c r="U39" s="10"/>
      <c r="V39" s="10"/>
      <c r="W39" s="10"/>
      <c r="X39" s="10"/>
      <c r="Y39" s="10"/>
      <c r="Z39" s="10"/>
      <c r="AA39" s="10"/>
      <c r="AB39" s="10"/>
      <c r="AC39" s="25"/>
    </row>
    <row r="40" spans="1:29" ht="30.75" customHeight="1" x14ac:dyDescent="0.2">
      <c r="A40" s="58"/>
      <c r="B40" s="47" t="s">
        <v>75</v>
      </c>
      <c r="C40" s="78"/>
      <c r="D40" s="79"/>
      <c r="E40" s="79"/>
      <c r="F40" s="80"/>
      <c r="G40" s="160"/>
      <c r="H40" s="161"/>
      <c r="I40" s="161"/>
      <c r="J40" s="161"/>
      <c r="K40" s="161"/>
      <c r="L40" s="161"/>
      <c r="M40" s="161"/>
      <c r="N40" s="161"/>
      <c r="O40" s="161"/>
      <c r="P40" s="161"/>
      <c r="Q40" s="161"/>
      <c r="R40" s="161"/>
      <c r="S40" s="161"/>
      <c r="T40" s="161"/>
      <c r="U40" s="161"/>
      <c r="V40" s="161"/>
      <c r="W40" s="161"/>
      <c r="X40" s="161"/>
      <c r="Y40" s="161"/>
      <c r="Z40" s="161"/>
      <c r="AA40" s="161"/>
      <c r="AB40" s="161"/>
      <c r="AC40" s="162"/>
    </row>
    <row r="41" spans="1:29" ht="6.75" customHeight="1" x14ac:dyDescent="0.2">
      <c r="A41" s="36"/>
    </row>
    <row r="42" spans="1:29" ht="30.75" customHeight="1" x14ac:dyDescent="0.2">
      <c r="A42" s="37"/>
    </row>
    <row r="43" spans="1:29" ht="30.75" customHeight="1" x14ac:dyDescent="0.2">
      <c r="A43" s="37"/>
      <c r="B43" s="19"/>
    </row>
    <row r="44" spans="1:29" ht="30.75" customHeight="1" x14ac:dyDescent="0.2">
      <c r="B44" s="2"/>
    </row>
    <row r="45" spans="1:29" ht="30.75" customHeight="1" x14ac:dyDescent="0.2">
      <c r="B45" s="2"/>
    </row>
    <row r="46" spans="1:29" ht="30.75" customHeight="1" x14ac:dyDescent="0.2">
      <c r="B46" s="2"/>
    </row>
    <row r="47" spans="1:29" x14ac:dyDescent="0.2">
      <c r="B47" s="2"/>
    </row>
    <row r="48" spans="1:29" x14ac:dyDescent="0.2">
      <c r="B48" s="2"/>
    </row>
    <row r="49" spans="2:2" x14ac:dyDescent="0.2">
      <c r="B49" s="2"/>
    </row>
    <row r="50" spans="2:2" x14ac:dyDescent="0.2">
      <c r="B50" s="2"/>
    </row>
    <row r="51" spans="2:2" x14ac:dyDescent="0.2">
      <c r="B51" s="2"/>
    </row>
    <row r="52" spans="2:2" x14ac:dyDescent="0.2">
      <c r="B52" s="2"/>
    </row>
    <row r="53" spans="2:2" x14ac:dyDescent="0.2">
      <c r="B53" s="2"/>
    </row>
    <row r="54" spans="2:2" x14ac:dyDescent="0.2">
      <c r="B54" s="2"/>
    </row>
    <row r="55" spans="2:2" x14ac:dyDescent="0.2">
      <c r="B55" s="2"/>
    </row>
    <row r="56" spans="2:2" x14ac:dyDescent="0.2">
      <c r="B56" s="2"/>
    </row>
    <row r="57" spans="2:2" x14ac:dyDescent="0.2">
      <c r="B57" s="2"/>
    </row>
  </sheetData>
  <mergeCells count="56">
    <mergeCell ref="C25:H25"/>
    <mergeCell ref="I25:N28"/>
    <mergeCell ref="C33:AC33"/>
    <mergeCell ref="P34:AC34"/>
    <mergeCell ref="G40:AC40"/>
    <mergeCell ref="C34:O34"/>
    <mergeCell ref="C26:H26"/>
    <mergeCell ref="B12:G12"/>
    <mergeCell ref="A1:F1"/>
    <mergeCell ref="H13:Q13"/>
    <mergeCell ref="H12:Q12"/>
    <mergeCell ref="B8:G8"/>
    <mergeCell ref="B10:G10"/>
    <mergeCell ref="H10:K10"/>
    <mergeCell ref="L10:P10"/>
    <mergeCell ref="E11:G11"/>
    <mergeCell ref="B11:D11"/>
    <mergeCell ref="A2:AC2"/>
    <mergeCell ref="R4:T4"/>
    <mergeCell ref="H8:K8"/>
    <mergeCell ref="R6:AC13"/>
    <mergeCell ref="U5:AC5"/>
    <mergeCell ref="L11:Q11"/>
    <mergeCell ref="H11:K11"/>
    <mergeCell ref="C18:AC18"/>
    <mergeCell ref="B13:G13"/>
    <mergeCell ref="B19:B23"/>
    <mergeCell ref="C19:N23"/>
    <mergeCell ref="W1:AC1"/>
    <mergeCell ref="B9:E9"/>
    <mergeCell ref="B4:Q4"/>
    <mergeCell ref="B5:Q5"/>
    <mergeCell ref="B6:Q6"/>
    <mergeCell ref="B7:Q7"/>
    <mergeCell ref="L8:Q8"/>
    <mergeCell ref="L9:P9"/>
    <mergeCell ref="AA4:AB4"/>
    <mergeCell ref="U4:V4"/>
    <mergeCell ref="X4:Y4"/>
    <mergeCell ref="H9:K9"/>
    <mergeCell ref="A36:A40"/>
    <mergeCell ref="H24:N24"/>
    <mergeCell ref="C27:H28"/>
    <mergeCell ref="C16:AC16"/>
    <mergeCell ref="C17:AC17"/>
    <mergeCell ref="V31:AC31"/>
    <mergeCell ref="C35:AC35"/>
    <mergeCell ref="B29:B32"/>
    <mergeCell ref="O19:AC19"/>
    <mergeCell ref="A29:A35"/>
    <mergeCell ref="A14:A28"/>
    <mergeCell ref="B36:B39"/>
    <mergeCell ref="C40:F40"/>
    <mergeCell ref="C24:G24"/>
    <mergeCell ref="C14:AB14"/>
    <mergeCell ref="C15:AC15"/>
  </mergeCells>
  <phoneticPr fontId="3"/>
  <dataValidations count="2">
    <dataValidation type="list" allowBlank="1" showInputMessage="1" showErrorMessage="1" sqref="WLS983038 B65534 IZ65534 SV65534 ACR65534 AMN65534 AWJ65534 BGF65534 BQB65534 BZX65534 CJT65534 CTP65534 DDL65534 DNH65534 DXD65534 EGZ65534 EQV65534 FAR65534 FKN65534 FUJ65534 GEF65534 GOB65534 GXX65534 HHT65534 HRP65534 IBL65534 ILH65534 IVD65534 JEZ65534 JOV65534 JYR65534 KIN65534 KSJ65534 LCF65534 LMB65534 LVX65534 MFT65534 MPP65534 MZL65534 NJH65534 NTD65534 OCZ65534 OMV65534 OWR65534 PGN65534 PQJ65534 QAF65534 QKB65534 QTX65534 RDT65534 RNP65534 RXL65534 SHH65534 SRD65534 TAZ65534 TKV65534 TUR65534 UEN65534 UOJ65534 UYF65534 VIB65534 VRX65534 WBT65534 WLP65534 WVL65534 B131070 IZ131070 SV131070 ACR131070 AMN131070 AWJ131070 BGF131070 BQB131070 BZX131070 CJT131070 CTP131070 DDL131070 DNH131070 DXD131070 EGZ131070 EQV131070 FAR131070 FKN131070 FUJ131070 GEF131070 GOB131070 GXX131070 HHT131070 HRP131070 IBL131070 ILH131070 IVD131070 JEZ131070 JOV131070 JYR131070 KIN131070 KSJ131070 LCF131070 LMB131070 LVX131070 MFT131070 MPP131070 MZL131070 NJH131070 NTD131070 OCZ131070 OMV131070 OWR131070 PGN131070 PQJ131070 QAF131070 QKB131070 QTX131070 RDT131070 RNP131070 RXL131070 SHH131070 SRD131070 TAZ131070 TKV131070 TUR131070 UEN131070 UOJ131070 UYF131070 VIB131070 VRX131070 WBT131070 WLP131070 WVL131070 B196606 IZ196606 SV196606 ACR196606 AMN196606 AWJ196606 BGF196606 BQB196606 BZX196606 CJT196606 CTP196606 DDL196606 DNH196606 DXD196606 EGZ196606 EQV196606 FAR196606 FKN196606 FUJ196606 GEF196606 GOB196606 GXX196606 HHT196606 HRP196606 IBL196606 ILH196606 IVD196606 JEZ196606 JOV196606 JYR196606 KIN196606 KSJ196606 LCF196606 LMB196606 LVX196606 MFT196606 MPP196606 MZL196606 NJH196606 NTD196606 OCZ196606 OMV196606 OWR196606 PGN196606 PQJ196606 QAF196606 QKB196606 QTX196606 RDT196606 RNP196606 RXL196606 SHH196606 SRD196606 TAZ196606 TKV196606 TUR196606 UEN196606 UOJ196606 UYF196606 VIB196606 VRX196606 WBT196606 WLP196606 WVL196606 B262142 IZ262142 SV262142 ACR262142 AMN262142 AWJ262142 BGF262142 BQB262142 BZX262142 CJT262142 CTP262142 DDL262142 DNH262142 DXD262142 EGZ262142 EQV262142 FAR262142 FKN262142 FUJ262142 GEF262142 GOB262142 GXX262142 HHT262142 HRP262142 IBL262142 ILH262142 IVD262142 JEZ262142 JOV262142 JYR262142 KIN262142 KSJ262142 LCF262142 LMB262142 LVX262142 MFT262142 MPP262142 MZL262142 NJH262142 NTD262142 OCZ262142 OMV262142 OWR262142 PGN262142 PQJ262142 QAF262142 QKB262142 QTX262142 RDT262142 RNP262142 RXL262142 SHH262142 SRD262142 TAZ262142 TKV262142 TUR262142 UEN262142 UOJ262142 UYF262142 VIB262142 VRX262142 WBT262142 WLP262142 WVL262142 B327678 IZ327678 SV327678 ACR327678 AMN327678 AWJ327678 BGF327678 BQB327678 BZX327678 CJT327678 CTP327678 DDL327678 DNH327678 DXD327678 EGZ327678 EQV327678 FAR327678 FKN327678 FUJ327678 GEF327678 GOB327678 GXX327678 HHT327678 HRP327678 IBL327678 ILH327678 IVD327678 JEZ327678 JOV327678 JYR327678 KIN327678 KSJ327678 LCF327678 LMB327678 LVX327678 MFT327678 MPP327678 MZL327678 NJH327678 NTD327678 OCZ327678 OMV327678 OWR327678 PGN327678 PQJ327678 QAF327678 QKB327678 QTX327678 RDT327678 RNP327678 RXL327678 SHH327678 SRD327678 TAZ327678 TKV327678 TUR327678 UEN327678 UOJ327678 UYF327678 VIB327678 VRX327678 WBT327678 WLP327678 WVL327678 B393214 IZ393214 SV393214 ACR393214 AMN393214 AWJ393214 BGF393214 BQB393214 BZX393214 CJT393214 CTP393214 DDL393214 DNH393214 DXD393214 EGZ393214 EQV393214 FAR393214 FKN393214 FUJ393214 GEF393214 GOB393214 GXX393214 HHT393214 HRP393214 IBL393214 ILH393214 IVD393214 JEZ393214 JOV393214 JYR393214 KIN393214 KSJ393214 LCF393214 LMB393214 LVX393214 MFT393214 MPP393214 MZL393214 NJH393214 NTD393214 OCZ393214 OMV393214 OWR393214 PGN393214 PQJ393214 QAF393214 QKB393214 QTX393214 RDT393214 RNP393214 RXL393214 SHH393214 SRD393214 TAZ393214 TKV393214 TUR393214 UEN393214 UOJ393214 UYF393214 VIB393214 VRX393214 WBT393214 WLP393214 WVL393214 B458750 IZ458750 SV458750 ACR458750 AMN458750 AWJ458750 BGF458750 BQB458750 BZX458750 CJT458750 CTP458750 DDL458750 DNH458750 DXD458750 EGZ458750 EQV458750 FAR458750 FKN458750 FUJ458750 GEF458750 GOB458750 GXX458750 HHT458750 HRP458750 IBL458750 ILH458750 IVD458750 JEZ458750 JOV458750 JYR458750 KIN458750 KSJ458750 LCF458750 LMB458750 LVX458750 MFT458750 MPP458750 MZL458750 NJH458750 NTD458750 OCZ458750 OMV458750 OWR458750 PGN458750 PQJ458750 QAF458750 QKB458750 QTX458750 RDT458750 RNP458750 RXL458750 SHH458750 SRD458750 TAZ458750 TKV458750 TUR458750 UEN458750 UOJ458750 UYF458750 VIB458750 VRX458750 WBT458750 WLP458750 WVL458750 B524286 IZ524286 SV524286 ACR524286 AMN524286 AWJ524286 BGF524286 BQB524286 BZX524286 CJT524286 CTP524286 DDL524286 DNH524286 DXD524286 EGZ524286 EQV524286 FAR524286 FKN524286 FUJ524286 GEF524286 GOB524286 GXX524286 HHT524286 HRP524286 IBL524286 ILH524286 IVD524286 JEZ524286 JOV524286 JYR524286 KIN524286 KSJ524286 LCF524286 LMB524286 LVX524286 MFT524286 MPP524286 MZL524286 NJH524286 NTD524286 OCZ524286 OMV524286 OWR524286 PGN524286 PQJ524286 QAF524286 QKB524286 QTX524286 RDT524286 RNP524286 RXL524286 SHH524286 SRD524286 TAZ524286 TKV524286 TUR524286 UEN524286 UOJ524286 UYF524286 VIB524286 VRX524286 WBT524286 WLP524286 WVL524286 B589822 IZ589822 SV589822 ACR589822 AMN589822 AWJ589822 BGF589822 BQB589822 BZX589822 CJT589822 CTP589822 DDL589822 DNH589822 DXD589822 EGZ589822 EQV589822 FAR589822 FKN589822 FUJ589822 GEF589822 GOB589822 GXX589822 HHT589822 HRP589822 IBL589822 ILH589822 IVD589822 JEZ589822 JOV589822 JYR589822 KIN589822 KSJ589822 LCF589822 LMB589822 LVX589822 MFT589822 MPP589822 MZL589822 NJH589822 NTD589822 OCZ589822 OMV589822 OWR589822 PGN589822 PQJ589822 QAF589822 QKB589822 QTX589822 RDT589822 RNP589822 RXL589822 SHH589822 SRD589822 TAZ589822 TKV589822 TUR589822 UEN589822 UOJ589822 UYF589822 VIB589822 VRX589822 WBT589822 WLP589822 WVL589822 B655358 IZ655358 SV655358 ACR655358 AMN655358 AWJ655358 BGF655358 BQB655358 BZX655358 CJT655358 CTP655358 DDL655358 DNH655358 DXD655358 EGZ655358 EQV655358 FAR655358 FKN655358 FUJ655358 GEF655358 GOB655358 GXX655358 HHT655358 HRP655358 IBL655358 ILH655358 IVD655358 JEZ655358 JOV655358 JYR655358 KIN655358 KSJ655358 LCF655358 LMB655358 LVX655358 MFT655358 MPP655358 MZL655358 NJH655358 NTD655358 OCZ655358 OMV655358 OWR655358 PGN655358 PQJ655358 QAF655358 QKB655358 QTX655358 RDT655358 RNP655358 RXL655358 SHH655358 SRD655358 TAZ655358 TKV655358 TUR655358 UEN655358 UOJ655358 UYF655358 VIB655358 VRX655358 WBT655358 WLP655358 WVL655358 B720894 IZ720894 SV720894 ACR720894 AMN720894 AWJ720894 BGF720894 BQB720894 BZX720894 CJT720894 CTP720894 DDL720894 DNH720894 DXD720894 EGZ720894 EQV720894 FAR720894 FKN720894 FUJ720894 GEF720894 GOB720894 GXX720894 HHT720894 HRP720894 IBL720894 ILH720894 IVD720894 JEZ720894 JOV720894 JYR720894 KIN720894 KSJ720894 LCF720894 LMB720894 LVX720894 MFT720894 MPP720894 MZL720894 NJH720894 NTD720894 OCZ720894 OMV720894 OWR720894 PGN720894 PQJ720894 QAF720894 QKB720894 QTX720894 RDT720894 RNP720894 RXL720894 SHH720894 SRD720894 TAZ720894 TKV720894 TUR720894 UEN720894 UOJ720894 UYF720894 VIB720894 VRX720894 WBT720894 WLP720894 WVL720894 B786430 IZ786430 SV786430 ACR786430 AMN786430 AWJ786430 BGF786430 BQB786430 BZX786430 CJT786430 CTP786430 DDL786430 DNH786430 DXD786430 EGZ786430 EQV786430 FAR786430 FKN786430 FUJ786430 GEF786430 GOB786430 GXX786430 HHT786430 HRP786430 IBL786430 ILH786430 IVD786430 JEZ786430 JOV786430 JYR786430 KIN786430 KSJ786430 LCF786430 LMB786430 LVX786430 MFT786430 MPP786430 MZL786430 NJH786430 NTD786430 OCZ786430 OMV786430 OWR786430 PGN786430 PQJ786430 QAF786430 QKB786430 QTX786430 RDT786430 RNP786430 RXL786430 SHH786430 SRD786430 TAZ786430 TKV786430 TUR786430 UEN786430 UOJ786430 UYF786430 VIB786430 VRX786430 WBT786430 WLP786430 WVL786430 B851966 IZ851966 SV851966 ACR851966 AMN851966 AWJ851966 BGF851966 BQB851966 BZX851966 CJT851966 CTP851966 DDL851966 DNH851966 DXD851966 EGZ851966 EQV851966 FAR851966 FKN851966 FUJ851966 GEF851966 GOB851966 GXX851966 HHT851966 HRP851966 IBL851966 ILH851966 IVD851966 JEZ851966 JOV851966 JYR851966 KIN851966 KSJ851966 LCF851966 LMB851966 LVX851966 MFT851966 MPP851966 MZL851966 NJH851966 NTD851966 OCZ851966 OMV851966 OWR851966 PGN851966 PQJ851966 QAF851966 QKB851966 QTX851966 RDT851966 RNP851966 RXL851966 SHH851966 SRD851966 TAZ851966 TKV851966 TUR851966 UEN851966 UOJ851966 UYF851966 VIB851966 VRX851966 WBT851966 WLP851966 WVL851966 B917502 IZ917502 SV917502 ACR917502 AMN917502 AWJ917502 BGF917502 BQB917502 BZX917502 CJT917502 CTP917502 DDL917502 DNH917502 DXD917502 EGZ917502 EQV917502 FAR917502 FKN917502 FUJ917502 GEF917502 GOB917502 GXX917502 HHT917502 HRP917502 IBL917502 ILH917502 IVD917502 JEZ917502 JOV917502 JYR917502 KIN917502 KSJ917502 LCF917502 LMB917502 LVX917502 MFT917502 MPP917502 MZL917502 NJH917502 NTD917502 OCZ917502 OMV917502 OWR917502 PGN917502 PQJ917502 QAF917502 QKB917502 QTX917502 RDT917502 RNP917502 RXL917502 SHH917502 SRD917502 TAZ917502 TKV917502 TUR917502 UEN917502 UOJ917502 UYF917502 VIB917502 VRX917502 WBT917502 WLP917502 WVL917502 B983038 IZ983038 SV983038 ACR983038 AMN983038 AWJ983038 BGF983038 BQB983038 BZX983038 CJT983038 CTP983038 DDL983038 DNH983038 DXD983038 EGZ983038 EQV983038 FAR983038 FKN983038 FUJ983038 GEF983038 GOB983038 GXX983038 HHT983038 HRP983038 IBL983038 ILH983038 IVD983038 JEZ983038 JOV983038 JYR983038 KIN983038 KSJ983038 LCF983038 LMB983038 LVX983038 MFT983038 MPP983038 MZL983038 NJH983038 NTD983038 OCZ983038 OMV983038 OWR983038 PGN983038 PQJ983038 QAF983038 QKB983038 QTX983038 RDT983038 RNP983038 RXL983038 SHH983038 SRD983038 TAZ983038 TKV983038 TUR983038 UEN983038 UOJ983038 UYF983038 VIB983038 VRX983038 WBT983038 WLP983038 WVL983038 WVO983038 JC65534 SY65534 ACU65534 AMQ65534 AWM65534 BGI65534 BQE65534 CAA65534 CJW65534 CTS65534 DDO65534 DNK65534 DXG65534 EHC65534 EQY65534 FAU65534 FKQ65534 FUM65534 GEI65534 GOE65534 GYA65534 HHW65534 HRS65534 IBO65534 ILK65534 IVG65534 JFC65534 JOY65534 JYU65534 KIQ65534 KSM65534 LCI65534 LME65534 LWA65534 MFW65534 MPS65534 MZO65534 NJK65534 NTG65534 ODC65534 OMY65534 OWU65534 PGQ65534 PQM65534 QAI65534 QKE65534 QUA65534 RDW65534 RNS65534 RXO65534 SHK65534 SRG65534 TBC65534 TKY65534 TUU65534 UEQ65534 UOM65534 UYI65534 VIE65534 VSA65534 WBW65534 WLS65534 WVO65534 JC131070 SY131070 ACU131070 AMQ131070 AWM131070 BGI131070 BQE131070 CAA131070 CJW131070 CTS131070 DDO131070 DNK131070 DXG131070 EHC131070 EQY131070 FAU131070 FKQ131070 FUM131070 GEI131070 GOE131070 GYA131070 HHW131070 HRS131070 IBO131070 ILK131070 IVG131070 JFC131070 JOY131070 JYU131070 KIQ131070 KSM131070 LCI131070 LME131070 LWA131070 MFW131070 MPS131070 MZO131070 NJK131070 NTG131070 ODC131070 OMY131070 OWU131070 PGQ131070 PQM131070 QAI131070 QKE131070 QUA131070 RDW131070 RNS131070 RXO131070 SHK131070 SRG131070 TBC131070 TKY131070 TUU131070 UEQ131070 UOM131070 UYI131070 VIE131070 VSA131070 WBW131070 WLS131070 WVO131070 JC196606 SY196606 ACU196606 AMQ196606 AWM196606 BGI196606 BQE196606 CAA196606 CJW196606 CTS196606 DDO196606 DNK196606 DXG196606 EHC196606 EQY196606 FAU196606 FKQ196606 FUM196606 GEI196606 GOE196606 GYA196606 HHW196606 HRS196606 IBO196606 ILK196606 IVG196606 JFC196606 JOY196606 JYU196606 KIQ196606 KSM196606 LCI196606 LME196606 LWA196606 MFW196606 MPS196606 MZO196606 NJK196606 NTG196606 ODC196606 OMY196606 OWU196606 PGQ196606 PQM196606 QAI196606 QKE196606 QUA196606 RDW196606 RNS196606 RXO196606 SHK196606 SRG196606 TBC196606 TKY196606 TUU196606 UEQ196606 UOM196606 UYI196606 VIE196606 VSA196606 WBW196606 WLS196606 WVO196606 JC262142 SY262142 ACU262142 AMQ262142 AWM262142 BGI262142 BQE262142 CAA262142 CJW262142 CTS262142 DDO262142 DNK262142 DXG262142 EHC262142 EQY262142 FAU262142 FKQ262142 FUM262142 GEI262142 GOE262142 GYA262142 HHW262142 HRS262142 IBO262142 ILK262142 IVG262142 JFC262142 JOY262142 JYU262142 KIQ262142 KSM262142 LCI262142 LME262142 LWA262142 MFW262142 MPS262142 MZO262142 NJK262142 NTG262142 ODC262142 OMY262142 OWU262142 PGQ262142 PQM262142 QAI262142 QKE262142 QUA262142 RDW262142 RNS262142 RXO262142 SHK262142 SRG262142 TBC262142 TKY262142 TUU262142 UEQ262142 UOM262142 UYI262142 VIE262142 VSA262142 WBW262142 WLS262142 WVO262142 JC327678 SY327678 ACU327678 AMQ327678 AWM327678 BGI327678 BQE327678 CAA327678 CJW327678 CTS327678 DDO327678 DNK327678 DXG327678 EHC327678 EQY327678 FAU327678 FKQ327678 FUM327678 GEI327678 GOE327678 GYA327678 HHW327678 HRS327678 IBO327678 ILK327678 IVG327678 JFC327678 JOY327678 JYU327678 KIQ327678 KSM327678 LCI327678 LME327678 LWA327678 MFW327678 MPS327678 MZO327678 NJK327678 NTG327678 ODC327678 OMY327678 OWU327678 PGQ327678 PQM327678 QAI327678 QKE327678 QUA327678 RDW327678 RNS327678 RXO327678 SHK327678 SRG327678 TBC327678 TKY327678 TUU327678 UEQ327678 UOM327678 UYI327678 VIE327678 VSA327678 WBW327678 WLS327678 WVO327678 JC393214 SY393214 ACU393214 AMQ393214 AWM393214 BGI393214 BQE393214 CAA393214 CJW393214 CTS393214 DDO393214 DNK393214 DXG393214 EHC393214 EQY393214 FAU393214 FKQ393214 FUM393214 GEI393214 GOE393214 GYA393214 HHW393214 HRS393214 IBO393214 ILK393214 IVG393214 JFC393214 JOY393214 JYU393214 KIQ393214 KSM393214 LCI393214 LME393214 LWA393214 MFW393214 MPS393214 MZO393214 NJK393214 NTG393214 ODC393214 OMY393214 OWU393214 PGQ393214 PQM393214 QAI393214 QKE393214 QUA393214 RDW393214 RNS393214 RXO393214 SHK393214 SRG393214 TBC393214 TKY393214 TUU393214 UEQ393214 UOM393214 UYI393214 VIE393214 VSA393214 WBW393214 WLS393214 WVO393214 JC458750 SY458750 ACU458750 AMQ458750 AWM458750 BGI458750 BQE458750 CAA458750 CJW458750 CTS458750 DDO458750 DNK458750 DXG458750 EHC458750 EQY458750 FAU458750 FKQ458750 FUM458750 GEI458750 GOE458750 GYA458750 HHW458750 HRS458750 IBO458750 ILK458750 IVG458750 JFC458750 JOY458750 JYU458750 KIQ458750 KSM458750 LCI458750 LME458750 LWA458750 MFW458750 MPS458750 MZO458750 NJK458750 NTG458750 ODC458750 OMY458750 OWU458750 PGQ458750 PQM458750 QAI458750 QKE458750 QUA458750 RDW458750 RNS458750 RXO458750 SHK458750 SRG458750 TBC458750 TKY458750 TUU458750 UEQ458750 UOM458750 UYI458750 VIE458750 VSA458750 WBW458750 WLS458750 WVO458750 JC524286 SY524286 ACU524286 AMQ524286 AWM524286 BGI524286 BQE524286 CAA524286 CJW524286 CTS524286 DDO524286 DNK524286 DXG524286 EHC524286 EQY524286 FAU524286 FKQ524286 FUM524286 GEI524286 GOE524286 GYA524286 HHW524286 HRS524286 IBO524286 ILK524286 IVG524286 JFC524286 JOY524286 JYU524286 KIQ524286 KSM524286 LCI524286 LME524286 LWA524286 MFW524286 MPS524286 MZO524286 NJK524286 NTG524286 ODC524286 OMY524286 OWU524286 PGQ524286 PQM524286 QAI524286 QKE524286 QUA524286 RDW524286 RNS524286 RXO524286 SHK524286 SRG524286 TBC524286 TKY524286 TUU524286 UEQ524286 UOM524286 UYI524286 VIE524286 VSA524286 WBW524286 WLS524286 WVO524286 JC589822 SY589822 ACU589822 AMQ589822 AWM589822 BGI589822 BQE589822 CAA589822 CJW589822 CTS589822 DDO589822 DNK589822 DXG589822 EHC589822 EQY589822 FAU589822 FKQ589822 FUM589822 GEI589822 GOE589822 GYA589822 HHW589822 HRS589822 IBO589822 ILK589822 IVG589822 JFC589822 JOY589822 JYU589822 KIQ589822 KSM589822 LCI589822 LME589822 LWA589822 MFW589822 MPS589822 MZO589822 NJK589822 NTG589822 ODC589822 OMY589822 OWU589822 PGQ589822 PQM589822 QAI589822 QKE589822 QUA589822 RDW589822 RNS589822 RXO589822 SHK589822 SRG589822 TBC589822 TKY589822 TUU589822 UEQ589822 UOM589822 UYI589822 VIE589822 VSA589822 WBW589822 WLS589822 WVO589822 JC655358 SY655358 ACU655358 AMQ655358 AWM655358 BGI655358 BQE655358 CAA655358 CJW655358 CTS655358 DDO655358 DNK655358 DXG655358 EHC655358 EQY655358 FAU655358 FKQ655358 FUM655358 GEI655358 GOE655358 GYA655358 HHW655358 HRS655358 IBO655358 ILK655358 IVG655358 JFC655358 JOY655358 JYU655358 KIQ655358 KSM655358 LCI655358 LME655358 LWA655358 MFW655358 MPS655358 MZO655358 NJK655358 NTG655358 ODC655358 OMY655358 OWU655358 PGQ655358 PQM655358 QAI655358 QKE655358 QUA655358 RDW655358 RNS655358 RXO655358 SHK655358 SRG655358 TBC655358 TKY655358 TUU655358 UEQ655358 UOM655358 UYI655358 VIE655358 VSA655358 WBW655358 WLS655358 WVO655358 JC720894 SY720894 ACU720894 AMQ720894 AWM720894 BGI720894 BQE720894 CAA720894 CJW720894 CTS720894 DDO720894 DNK720894 DXG720894 EHC720894 EQY720894 FAU720894 FKQ720894 FUM720894 GEI720894 GOE720894 GYA720894 HHW720894 HRS720894 IBO720894 ILK720894 IVG720894 JFC720894 JOY720894 JYU720894 KIQ720894 KSM720894 LCI720894 LME720894 LWA720894 MFW720894 MPS720894 MZO720894 NJK720894 NTG720894 ODC720894 OMY720894 OWU720894 PGQ720894 PQM720894 QAI720894 QKE720894 QUA720894 RDW720894 RNS720894 RXO720894 SHK720894 SRG720894 TBC720894 TKY720894 TUU720894 UEQ720894 UOM720894 UYI720894 VIE720894 VSA720894 WBW720894 WLS720894 WVO720894 JC786430 SY786430 ACU786430 AMQ786430 AWM786430 BGI786430 BQE786430 CAA786430 CJW786430 CTS786430 DDO786430 DNK786430 DXG786430 EHC786430 EQY786430 FAU786430 FKQ786430 FUM786430 GEI786430 GOE786430 GYA786430 HHW786430 HRS786430 IBO786430 ILK786430 IVG786430 JFC786430 JOY786430 JYU786430 KIQ786430 KSM786430 LCI786430 LME786430 LWA786430 MFW786430 MPS786430 MZO786430 NJK786430 NTG786430 ODC786430 OMY786430 OWU786430 PGQ786430 PQM786430 QAI786430 QKE786430 QUA786430 RDW786430 RNS786430 RXO786430 SHK786430 SRG786430 TBC786430 TKY786430 TUU786430 UEQ786430 UOM786430 UYI786430 VIE786430 VSA786430 WBW786430 WLS786430 WVO786430 JC851966 SY851966 ACU851966 AMQ851966 AWM851966 BGI851966 BQE851966 CAA851966 CJW851966 CTS851966 DDO851966 DNK851966 DXG851966 EHC851966 EQY851966 FAU851966 FKQ851966 FUM851966 GEI851966 GOE851966 GYA851966 HHW851966 HRS851966 IBO851966 ILK851966 IVG851966 JFC851966 JOY851966 JYU851966 KIQ851966 KSM851966 LCI851966 LME851966 LWA851966 MFW851966 MPS851966 MZO851966 NJK851966 NTG851966 ODC851966 OMY851966 OWU851966 PGQ851966 PQM851966 QAI851966 QKE851966 QUA851966 RDW851966 RNS851966 RXO851966 SHK851966 SRG851966 TBC851966 TKY851966 TUU851966 UEQ851966 UOM851966 UYI851966 VIE851966 VSA851966 WBW851966 WLS851966 WVO851966 JC917502 SY917502 ACU917502 AMQ917502 AWM917502 BGI917502 BQE917502 CAA917502 CJW917502 CTS917502 DDO917502 DNK917502 DXG917502 EHC917502 EQY917502 FAU917502 FKQ917502 FUM917502 GEI917502 GOE917502 GYA917502 HHW917502 HRS917502 IBO917502 ILK917502 IVG917502 JFC917502 JOY917502 JYU917502 KIQ917502 KSM917502 LCI917502 LME917502 LWA917502 MFW917502 MPS917502 MZO917502 NJK917502 NTG917502 ODC917502 OMY917502 OWU917502 PGQ917502 PQM917502 QAI917502 QKE917502 QUA917502 RDW917502 RNS917502 RXO917502 SHK917502 SRG917502 TBC917502 TKY917502 TUU917502 UEQ917502 UOM917502 UYI917502 VIE917502 VSA917502 WBW917502 WLS917502 WVO917502 JC983038 SY983038 ACU983038 AMQ983038 AWM983038 BGI983038 BQE983038 CAA983038 CJW983038 CTS983038 DDO983038 DNK983038 DXG983038 EHC983038 EQY983038 FAU983038 FKQ983038 FUM983038 GEI983038 GOE983038 GYA983038 HHW983038 HRS983038 IBO983038 ILK983038 IVG983038 JFC983038 JOY983038 JYU983038 KIQ983038 KSM983038 LCI983038 LME983038 LWA983038 MFW983038 MPS983038 MZO983038 NJK983038 NTG983038 ODC983038 OMY983038 OWU983038 PGQ983038 PQM983038 QAI983038 QKE983038 QUA983038 RDW983038 RNS983038 RXO983038 SHK983038 SRG983038 TBC983038 TKY983038 TUU983038 UEQ983038 UOM983038 UYI983038 VIE983038 VSA983038 WBW983038 E983038:F983038 E917502:F917502 E851966:F851966 E786430:F786430 E720894:F720894 E655358:F655358 E589822:F589822 E524286:F524286 E458750:F458750 E393214:F393214 E327678:F327678 E262142:F262142 E196606:F196606 E131070:F131070 E65534:F65534" xr:uid="{00000000-0002-0000-0100-000000000000}">
      <formula1>"（１）地域新商品・新サービス開発支援,（２）【認定期間中】地域資源・農商工・新連携,（３）【ブラッシュアップ中】地域資源・農商工・新連携,（４）【認定終了】地域資源・農商工・新連携,（５）その他"</formula1>
    </dataValidation>
    <dataValidation type="list" allowBlank="1" showInputMessage="1" showErrorMessage="1" sqref="WVR983049:WVT983049 JB13:JD13 SX13:SZ13 ACT13:ACV13 AMP13:AMR13 AWL13:AWN13 BGH13:BGJ13 BQD13:BQF13 BZZ13:CAB13 CJV13:CJX13 CTR13:CTT13 DDN13:DDP13 DNJ13:DNL13 DXF13:DXH13 EHB13:EHD13 EQX13:EQZ13 FAT13:FAV13 FKP13:FKR13 FUL13:FUN13 GEH13:GEJ13 GOD13:GOF13 GXZ13:GYB13 HHV13:HHX13 HRR13:HRT13 IBN13:IBP13 ILJ13:ILL13 IVF13:IVH13 JFB13:JFD13 JOX13:JOZ13 JYT13:JYV13 KIP13:KIR13 KSL13:KSN13 LCH13:LCJ13 LMD13:LMF13 LVZ13:LWB13 MFV13:MFX13 MPR13:MPT13 MZN13:MZP13 NJJ13:NJL13 NTF13:NTH13 ODB13:ODD13 OMX13:OMZ13 OWT13:OWV13 PGP13:PGR13 PQL13:PQN13 QAH13:QAJ13 QKD13:QKF13 QTZ13:QUB13 RDV13:RDX13 RNR13:RNT13 RXN13:RXP13 SHJ13:SHL13 SRF13:SRH13 TBB13:TBD13 TKX13:TKZ13 TUT13:TUV13 UEP13:UER13 UOL13:UON13 UYH13:UYJ13 VID13:VIF13 VRZ13:VSB13 WBV13:WBX13 WLR13:WLT13 WVN13:WVP13 I65545:K65545 JF65545:JH65545 TB65545:TD65545 ACX65545:ACZ65545 AMT65545:AMV65545 AWP65545:AWR65545 BGL65545:BGN65545 BQH65545:BQJ65545 CAD65545:CAF65545 CJZ65545:CKB65545 CTV65545:CTX65545 DDR65545:DDT65545 DNN65545:DNP65545 DXJ65545:DXL65545 EHF65545:EHH65545 ERB65545:ERD65545 FAX65545:FAZ65545 FKT65545:FKV65545 FUP65545:FUR65545 GEL65545:GEN65545 GOH65545:GOJ65545 GYD65545:GYF65545 HHZ65545:HIB65545 HRV65545:HRX65545 IBR65545:IBT65545 ILN65545:ILP65545 IVJ65545:IVL65545 JFF65545:JFH65545 JPB65545:JPD65545 JYX65545:JYZ65545 KIT65545:KIV65545 KSP65545:KSR65545 LCL65545:LCN65545 LMH65545:LMJ65545 LWD65545:LWF65545 MFZ65545:MGB65545 MPV65545:MPX65545 MZR65545:MZT65545 NJN65545:NJP65545 NTJ65545:NTL65545 ODF65545:ODH65545 ONB65545:OND65545 OWX65545:OWZ65545 PGT65545:PGV65545 PQP65545:PQR65545 QAL65545:QAN65545 QKH65545:QKJ65545 QUD65545:QUF65545 RDZ65545:REB65545 RNV65545:RNX65545 RXR65545:RXT65545 SHN65545:SHP65545 SRJ65545:SRL65545 TBF65545:TBH65545 TLB65545:TLD65545 TUX65545:TUZ65545 UET65545:UEV65545 UOP65545:UOR65545 UYL65545:UYN65545 VIH65545:VIJ65545 VSD65545:VSF65545 WBZ65545:WCB65545 WLV65545:WLX65545 WVR65545:WVT65545 I131081:K131081 JF131081:JH131081 TB131081:TD131081 ACX131081:ACZ131081 AMT131081:AMV131081 AWP131081:AWR131081 BGL131081:BGN131081 BQH131081:BQJ131081 CAD131081:CAF131081 CJZ131081:CKB131081 CTV131081:CTX131081 DDR131081:DDT131081 DNN131081:DNP131081 DXJ131081:DXL131081 EHF131081:EHH131081 ERB131081:ERD131081 FAX131081:FAZ131081 FKT131081:FKV131081 FUP131081:FUR131081 GEL131081:GEN131081 GOH131081:GOJ131081 GYD131081:GYF131081 HHZ131081:HIB131081 HRV131081:HRX131081 IBR131081:IBT131081 ILN131081:ILP131081 IVJ131081:IVL131081 JFF131081:JFH131081 JPB131081:JPD131081 JYX131081:JYZ131081 KIT131081:KIV131081 KSP131081:KSR131081 LCL131081:LCN131081 LMH131081:LMJ131081 LWD131081:LWF131081 MFZ131081:MGB131081 MPV131081:MPX131081 MZR131081:MZT131081 NJN131081:NJP131081 NTJ131081:NTL131081 ODF131081:ODH131081 ONB131081:OND131081 OWX131081:OWZ131081 PGT131081:PGV131081 PQP131081:PQR131081 QAL131081:QAN131081 QKH131081:QKJ131081 QUD131081:QUF131081 RDZ131081:REB131081 RNV131081:RNX131081 RXR131081:RXT131081 SHN131081:SHP131081 SRJ131081:SRL131081 TBF131081:TBH131081 TLB131081:TLD131081 TUX131081:TUZ131081 UET131081:UEV131081 UOP131081:UOR131081 UYL131081:UYN131081 VIH131081:VIJ131081 VSD131081:VSF131081 WBZ131081:WCB131081 WLV131081:WLX131081 WVR131081:WVT131081 I196617:K196617 JF196617:JH196617 TB196617:TD196617 ACX196617:ACZ196617 AMT196617:AMV196617 AWP196617:AWR196617 BGL196617:BGN196617 BQH196617:BQJ196617 CAD196617:CAF196617 CJZ196617:CKB196617 CTV196617:CTX196617 DDR196617:DDT196617 DNN196617:DNP196617 DXJ196617:DXL196617 EHF196617:EHH196617 ERB196617:ERD196617 FAX196617:FAZ196617 FKT196617:FKV196617 FUP196617:FUR196617 GEL196617:GEN196617 GOH196617:GOJ196617 GYD196617:GYF196617 HHZ196617:HIB196617 HRV196617:HRX196617 IBR196617:IBT196617 ILN196617:ILP196617 IVJ196617:IVL196617 JFF196617:JFH196617 JPB196617:JPD196617 JYX196617:JYZ196617 KIT196617:KIV196617 KSP196617:KSR196617 LCL196617:LCN196617 LMH196617:LMJ196617 LWD196617:LWF196617 MFZ196617:MGB196617 MPV196617:MPX196617 MZR196617:MZT196617 NJN196617:NJP196617 NTJ196617:NTL196617 ODF196617:ODH196617 ONB196617:OND196617 OWX196617:OWZ196617 PGT196617:PGV196617 PQP196617:PQR196617 QAL196617:QAN196617 QKH196617:QKJ196617 QUD196617:QUF196617 RDZ196617:REB196617 RNV196617:RNX196617 RXR196617:RXT196617 SHN196617:SHP196617 SRJ196617:SRL196617 TBF196617:TBH196617 TLB196617:TLD196617 TUX196617:TUZ196617 UET196617:UEV196617 UOP196617:UOR196617 UYL196617:UYN196617 VIH196617:VIJ196617 VSD196617:VSF196617 WBZ196617:WCB196617 WLV196617:WLX196617 WVR196617:WVT196617 I262153:K262153 JF262153:JH262153 TB262153:TD262153 ACX262153:ACZ262153 AMT262153:AMV262153 AWP262153:AWR262153 BGL262153:BGN262153 BQH262153:BQJ262153 CAD262153:CAF262153 CJZ262153:CKB262153 CTV262153:CTX262153 DDR262153:DDT262153 DNN262153:DNP262153 DXJ262153:DXL262153 EHF262153:EHH262153 ERB262153:ERD262153 FAX262153:FAZ262153 FKT262153:FKV262153 FUP262153:FUR262153 GEL262153:GEN262153 GOH262153:GOJ262153 GYD262153:GYF262153 HHZ262153:HIB262153 HRV262153:HRX262153 IBR262153:IBT262153 ILN262153:ILP262153 IVJ262153:IVL262153 JFF262153:JFH262153 JPB262153:JPD262153 JYX262153:JYZ262153 KIT262153:KIV262153 KSP262153:KSR262153 LCL262153:LCN262153 LMH262153:LMJ262153 LWD262153:LWF262153 MFZ262153:MGB262153 MPV262153:MPX262153 MZR262153:MZT262153 NJN262153:NJP262153 NTJ262153:NTL262153 ODF262153:ODH262153 ONB262153:OND262153 OWX262153:OWZ262153 PGT262153:PGV262153 PQP262153:PQR262153 QAL262153:QAN262153 QKH262153:QKJ262153 QUD262153:QUF262153 RDZ262153:REB262153 RNV262153:RNX262153 RXR262153:RXT262153 SHN262153:SHP262153 SRJ262153:SRL262153 TBF262153:TBH262153 TLB262153:TLD262153 TUX262153:TUZ262153 UET262153:UEV262153 UOP262153:UOR262153 UYL262153:UYN262153 VIH262153:VIJ262153 VSD262153:VSF262153 WBZ262153:WCB262153 WLV262153:WLX262153 WVR262153:WVT262153 I327689:K327689 JF327689:JH327689 TB327689:TD327689 ACX327689:ACZ327689 AMT327689:AMV327689 AWP327689:AWR327689 BGL327689:BGN327689 BQH327689:BQJ327689 CAD327689:CAF327689 CJZ327689:CKB327689 CTV327689:CTX327689 DDR327689:DDT327689 DNN327689:DNP327689 DXJ327689:DXL327689 EHF327689:EHH327689 ERB327689:ERD327689 FAX327689:FAZ327689 FKT327689:FKV327689 FUP327689:FUR327689 GEL327689:GEN327689 GOH327689:GOJ327689 GYD327689:GYF327689 HHZ327689:HIB327689 HRV327689:HRX327689 IBR327689:IBT327689 ILN327689:ILP327689 IVJ327689:IVL327689 JFF327689:JFH327689 JPB327689:JPD327689 JYX327689:JYZ327689 KIT327689:KIV327689 KSP327689:KSR327689 LCL327689:LCN327689 LMH327689:LMJ327689 LWD327689:LWF327689 MFZ327689:MGB327689 MPV327689:MPX327689 MZR327689:MZT327689 NJN327689:NJP327689 NTJ327689:NTL327689 ODF327689:ODH327689 ONB327689:OND327689 OWX327689:OWZ327689 PGT327689:PGV327689 PQP327689:PQR327689 QAL327689:QAN327689 QKH327689:QKJ327689 QUD327689:QUF327689 RDZ327689:REB327689 RNV327689:RNX327689 RXR327689:RXT327689 SHN327689:SHP327689 SRJ327689:SRL327689 TBF327689:TBH327689 TLB327689:TLD327689 TUX327689:TUZ327689 UET327689:UEV327689 UOP327689:UOR327689 UYL327689:UYN327689 VIH327689:VIJ327689 VSD327689:VSF327689 WBZ327689:WCB327689 WLV327689:WLX327689 WVR327689:WVT327689 I393225:K393225 JF393225:JH393225 TB393225:TD393225 ACX393225:ACZ393225 AMT393225:AMV393225 AWP393225:AWR393225 BGL393225:BGN393225 BQH393225:BQJ393225 CAD393225:CAF393225 CJZ393225:CKB393225 CTV393225:CTX393225 DDR393225:DDT393225 DNN393225:DNP393225 DXJ393225:DXL393225 EHF393225:EHH393225 ERB393225:ERD393225 FAX393225:FAZ393225 FKT393225:FKV393225 FUP393225:FUR393225 GEL393225:GEN393225 GOH393225:GOJ393225 GYD393225:GYF393225 HHZ393225:HIB393225 HRV393225:HRX393225 IBR393225:IBT393225 ILN393225:ILP393225 IVJ393225:IVL393225 JFF393225:JFH393225 JPB393225:JPD393225 JYX393225:JYZ393225 KIT393225:KIV393225 KSP393225:KSR393225 LCL393225:LCN393225 LMH393225:LMJ393225 LWD393225:LWF393225 MFZ393225:MGB393225 MPV393225:MPX393225 MZR393225:MZT393225 NJN393225:NJP393225 NTJ393225:NTL393225 ODF393225:ODH393225 ONB393225:OND393225 OWX393225:OWZ393225 PGT393225:PGV393225 PQP393225:PQR393225 QAL393225:QAN393225 QKH393225:QKJ393225 QUD393225:QUF393225 RDZ393225:REB393225 RNV393225:RNX393225 RXR393225:RXT393225 SHN393225:SHP393225 SRJ393225:SRL393225 TBF393225:TBH393225 TLB393225:TLD393225 TUX393225:TUZ393225 UET393225:UEV393225 UOP393225:UOR393225 UYL393225:UYN393225 VIH393225:VIJ393225 VSD393225:VSF393225 WBZ393225:WCB393225 WLV393225:WLX393225 WVR393225:WVT393225 I458761:K458761 JF458761:JH458761 TB458761:TD458761 ACX458761:ACZ458761 AMT458761:AMV458761 AWP458761:AWR458761 BGL458761:BGN458761 BQH458761:BQJ458761 CAD458761:CAF458761 CJZ458761:CKB458761 CTV458761:CTX458761 DDR458761:DDT458761 DNN458761:DNP458761 DXJ458761:DXL458761 EHF458761:EHH458761 ERB458761:ERD458761 FAX458761:FAZ458761 FKT458761:FKV458761 FUP458761:FUR458761 GEL458761:GEN458761 GOH458761:GOJ458761 GYD458761:GYF458761 HHZ458761:HIB458761 HRV458761:HRX458761 IBR458761:IBT458761 ILN458761:ILP458761 IVJ458761:IVL458761 JFF458761:JFH458761 JPB458761:JPD458761 JYX458761:JYZ458761 KIT458761:KIV458761 KSP458761:KSR458761 LCL458761:LCN458761 LMH458761:LMJ458761 LWD458761:LWF458761 MFZ458761:MGB458761 MPV458761:MPX458761 MZR458761:MZT458761 NJN458761:NJP458761 NTJ458761:NTL458761 ODF458761:ODH458761 ONB458761:OND458761 OWX458761:OWZ458761 PGT458761:PGV458761 PQP458761:PQR458761 QAL458761:QAN458761 QKH458761:QKJ458761 QUD458761:QUF458761 RDZ458761:REB458761 RNV458761:RNX458761 RXR458761:RXT458761 SHN458761:SHP458761 SRJ458761:SRL458761 TBF458761:TBH458761 TLB458761:TLD458761 TUX458761:TUZ458761 UET458761:UEV458761 UOP458761:UOR458761 UYL458761:UYN458761 VIH458761:VIJ458761 VSD458761:VSF458761 WBZ458761:WCB458761 WLV458761:WLX458761 WVR458761:WVT458761 I524297:K524297 JF524297:JH524297 TB524297:TD524297 ACX524297:ACZ524297 AMT524297:AMV524297 AWP524297:AWR524297 BGL524297:BGN524297 BQH524297:BQJ524297 CAD524297:CAF524297 CJZ524297:CKB524297 CTV524297:CTX524297 DDR524297:DDT524297 DNN524297:DNP524297 DXJ524297:DXL524297 EHF524297:EHH524297 ERB524297:ERD524297 FAX524297:FAZ524297 FKT524297:FKV524297 FUP524297:FUR524297 GEL524297:GEN524297 GOH524297:GOJ524297 GYD524297:GYF524297 HHZ524297:HIB524297 HRV524297:HRX524297 IBR524297:IBT524297 ILN524297:ILP524297 IVJ524297:IVL524297 JFF524297:JFH524297 JPB524297:JPD524297 JYX524297:JYZ524297 KIT524297:KIV524297 KSP524297:KSR524297 LCL524297:LCN524297 LMH524297:LMJ524297 LWD524297:LWF524297 MFZ524297:MGB524297 MPV524297:MPX524297 MZR524297:MZT524297 NJN524297:NJP524297 NTJ524297:NTL524297 ODF524297:ODH524297 ONB524297:OND524297 OWX524297:OWZ524297 PGT524297:PGV524297 PQP524297:PQR524297 QAL524297:QAN524297 QKH524297:QKJ524297 QUD524297:QUF524297 RDZ524297:REB524297 RNV524297:RNX524297 RXR524297:RXT524297 SHN524297:SHP524297 SRJ524297:SRL524297 TBF524297:TBH524297 TLB524297:TLD524297 TUX524297:TUZ524297 UET524297:UEV524297 UOP524297:UOR524297 UYL524297:UYN524297 VIH524297:VIJ524297 VSD524297:VSF524297 WBZ524297:WCB524297 WLV524297:WLX524297 WVR524297:WVT524297 I589833:K589833 JF589833:JH589833 TB589833:TD589833 ACX589833:ACZ589833 AMT589833:AMV589833 AWP589833:AWR589833 BGL589833:BGN589833 BQH589833:BQJ589833 CAD589833:CAF589833 CJZ589833:CKB589833 CTV589833:CTX589833 DDR589833:DDT589833 DNN589833:DNP589833 DXJ589833:DXL589833 EHF589833:EHH589833 ERB589833:ERD589833 FAX589833:FAZ589833 FKT589833:FKV589833 FUP589833:FUR589833 GEL589833:GEN589833 GOH589833:GOJ589833 GYD589833:GYF589833 HHZ589833:HIB589833 HRV589833:HRX589833 IBR589833:IBT589833 ILN589833:ILP589833 IVJ589833:IVL589833 JFF589833:JFH589833 JPB589833:JPD589833 JYX589833:JYZ589833 KIT589833:KIV589833 KSP589833:KSR589833 LCL589833:LCN589833 LMH589833:LMJ589833 LWD589833:LWF589833 MFZ589833:MGB589833 MPV589833:MPX589833 MZR589833:MZT589833 NJN589833:NJP589833 NTJ589833:NTL589833 ODF589833:ODH589833 ONB589833:OND589833 OWX589833:OWZ589833 PGT589833:PGV589833 PQP589833:PQR589833 QAL589833:QAN589833 QKH589833:QKJ589833 QUD589833:QUF589833 RDZ589833:REB589833 RNV589833:RNX589833 RXR589833:RXT589833 SHN589833:SHP589833 SRJ589833:SRL589833 TBF589833:TBH589833 TLB589833:TLD589833 TUX589833:TUZ589833 UET589833:UEV589833 UOP589833:UOR589833 UYL589833:UYN589833 VIH589833:VIJ589833 VSD589833:VSF589833 WBZ589833:WCB589833 WLV589833:WLX589833 WVR589833:WVT589833 I655369:K655369 JF655369:JH655369 TB655369:TD655369 ACX655369:ACZ655369 AMT655369:AMV655369 AWP655369:AWR655369 BGL655369:BGN655369 BQH655369:BQJ655369 CAD655369:CAF655369 CJZ655369:CKB655369 CTV655369:CTX655369 DDR655369:DDT655369 DNN655369:DNP655369 DXJ655369:DXL655369 EHF655369:EHH655369 ERB655369:ERD655369 FAX655369:FAZ655369 FKT655369:FKV655369 FUP655369:FUR655369 GEL655369:GEN655369 GOH655369:GOJ655369 GYD655369:GYF655369 HHZ655369:HIB655369 HRV655369:HRX655369 IBR655369:IBT655369 ILN655369:ILP655369 IVJ655369:IVL655369 JFF655369:JFH655369 JPB655369:JPD655369 JYX655369:JYZ655369 KIT655369:KIV655369 KSP655369:KSR655369 LCL655369:LCN655369 LMH655369:LMJ655369 LWD655369:LWF655369 MFZ655369:MGB655369 MPV655369:MPX655369 MZR655369:MZT655369 NJN655369:NJP655369 NTJ655369:NTL655369 ODF655369:ODH655369 ONB655369:OND655369 OWX655369:OWZ655369 PGT655369:PGV655369 PQP655369:PQR655369 QAL655369:QAN655369 QKH655369:QKJ655369 QUD655369:QUF655369 RDZ655369:REB655369 RNV655369:RNX655369 RXR655369:RXT655369 SHN655369:SHP655369 SRJ655369:SRL655369 TBF655369:TBH655369 TLB655369:TLD655369 TUX655369:TUZ655369 UET655369:UEV655369 UOP655369:UOR655369 UYL655369:UYN655369 VIH655369:VIJ655369 VSD655369:VSF655369 WBZ655369:WCB655369 WLV655369:WLX655369 WVR655369:WVT655369 I720905:K720905 JF720905:JH720905 TB720905:TD720905 ACX720905:ACZ720905 AMT720905:AMV720905 AWP720905:AWR720905 BGL720905:BGN720905 BQH720905:BQJ720905 CAD720905:CAF720905 CJZ720905:CKB720905 CTV720905:CTX720905 DDR720905:DDT720905 DNN720905:DNP720905 DXJ720905:DXL720905 EHF720905:EHH720905 ERB720905:ERD720905 FAX720905:FAZ720905 FKT720905:FKV720905 FUP720905:FUR720905 GEL720905:GEN720905 GOH720905:GOJ720905 GYD720905:GYF720905 HHZ720905:HIB720905 HRV720905:HRX720905 IBR720905:IBT720905 ILN720905:ILP720905 IVJ720905:IVL720905 JFF720905:JFH720905 JPB720905:JPD720905 JYX720905:JYZ720905 KIT720905:KIV720905 KSP720905:KSR720905 LCL720905:LCN720905 LMH720905:LMJ720905 LWD720905:LWF720905 MFZ720905:MGB720905 MPV720905:MPX720905 MZR720905:MZT720905 NJN720905:NJP720905 NTJ720905:NTL720905 ODF720905:ODH720905 ONB720905:OND720905 OWX720905:OWZ720905 PGT720905:PGV720905 PQP720905:PQR720905 QAL720905:QAN720905 QKH720905:QKJ720905 QUD720905:QUF720905 RDZ720905:REB720905 RNV720905:RNX720905 RXR720905:RXT720905 SHN720905:SHP720905 SRJ720905:SRL720905 TBF720905:TBH720905 TLB720905:TLD720905 TUX720905:TUZ720905 UET720905:UEV720905 UOP720905:UOR720905 UYL720905:UYN720905 VIH720905:VIJ720905 VSD720905:VSF720905 WBZ720905:WCB720905 WLV720905:WLX720905 WVR720905:WVT720905 I786441:K786441 JF786441:JH786441 TB786441:TD786441 ACX786441:ACZ786441 AMT786441:AMV786441 AWP786441:AWR786441 BGL786441:BGN786441 BQH786441:BQJ786441 CAD786441:CAF786441 CJZ786441:CKB786441 CTV786441:CTX786441 DDR786441:DDT786441 DNN786441:DNP786441 DXJ786441:DXL786441 EHF786441:EHH786441 ERB786441:ERD786441 FAX786441:FAZ786441 FKT786441:FKV786441 FUP786441:FUR786441 GEL786441:GEN786441 GOH786441:GOJ786441 GYD786441:GYF786441 HHZ786441:HIB786441 HRV786441:HRX786441 IBR786441:IBT786441 ILN786441:ILP786441 IVJ786441:IVL786441 JFF786441:JFH786441 JPB786441:JPD786441 JYX786441:JYZ786441 KIT786441:KIV786441 KSP786441:KSR786441 LCL786441:LCN786441 LMH786441:LMJ786441 LWD786441:LWF786441 MFZ786441:MGB786441 MPV786441:MPX786441 MZR786441:MZT786441 NJN786441:NJP786441 NTJ786441:NTL786441 ODF786441:ODH786441 ONB786441:OND786441 OWX786441:OWZ786441 PGT786441:PGV786441 PQP786441:PQR786441 QAL786441:QAN786441 QKH786441:QKJ786441 QUD786441:QUF786441 RDZ786441:REB786441 RNV786441:RNX786441 RXR786441:RXT786441 SHN786441:SHP786441 SRJ786441:SRL786441 TBF786441:TBH786441 TLB786441:TLD786441 TUX786441:TUZ786441 UET786441:UEV786441 UOP786441:UOR786441 UYL786441:UYN786441 VIH786441:VIJ786441 VSD786441:VSF786441 WBZ786441:WCB786441 WLV786441:WLX786441 WVR786441:WVT786441 I851977:K851977 JF851977:JH851977 TB851977:TD851977 ACX851977:ACZ851977 AMT851977:AMV851977 AWP851977:AWR851977 BGL851977:BGN851977 BQH851977:BQJ851977 CAD851977:CAF851977 CJZ851977:CKB851977 CTV851977:CTX851977 DDR851977:DDT851977 DNN851977:DNP851977 DXJ851977:DXL851977 EHF851977:EHH851977 ERB851977:ERD851977 FAX851977:FAZ851977 FKT851977:FKV851977 FUP851977:FUR851977 GEL851977:GEN851977 GOH851977:GOJ851977 GYD851977:GYF851977 HHZ851977:HIB851977 HRV851977:HRX851977 IBR851977:IBT851977 ILN851977:ILP851977 IVJ851977:IVL851977 JFF851977:JFH851977 JPB851977:JPD851977 JYX851977:JYZ851977 KIT851977:KIV851977 KSP851977:KSR851977 LCL851977:LCN851977 LMH851977:LMJ851977 LWD851977:LWF851977 MFZ851977:MGB851977 MPV851977:MPX851977 MZR851977:MZT851977 NJN851977:NJP851977 NTJ851977:NTL851977 ODF851977:ODH851977 ONB851977:OND851977 OWX851977:OWZ851977 PGT851977:PGV851977 PQP851977:PQR851977 QAL851977:QAN851977 QKH851977:QKJ851977 QUD851977:QUF851977 RDZ851977:REB851977 RNV851977:RNX851977 RXR851977:RXT851977 SHN851977:SHP851977 SRJ851977:SRL851977 TBF851977:TBH851977 TLB851977:TLD851977 TUX851977:TUZ851977 UET851977:UEV851977 UOP851977:UOR851977 UYL851977:UYN851977 VIH851977:VIJ851977 VSD851977:VSF851977 WBZ851977:WCB851977 WLV851977:WLX851977 WVR851977:WVT851977 I917513:K917513 JF917513:JH917513 TB917513:TD917513 ACX917513:ACZ917513 AMT917513:AMV917513 AWP917513:AWR917513 BGL917513:BGN917513 BQH917513:BQJ917513 CAD917513:CAF917513 CJZ917513:CKB917513 CTV917513:CTX917513 DDR917513:DDT917513 DNN917513:DNP917513 DXJ917513:DXL917513 EHF917513:EHH917513 ERB917513:ERD917513 FAX917513:FAZ917513 FKT917513:FKV917513 FUP917513:FUR917513 GEL917513:GEN917513 GOH917513:GOJ917513 GYD917513:GYF917513 HHZ917513:HIB917513 HRV917513:HRX917513 IBR917513:IBT917513 ILN917513:ILP917513 IVJ917513:IVL917513 JFF917513:JFH917513 JPB917513:JPD917513 JYX917513:JYZ917513 KIT917513:KIV917513 KSP917513:KSR917513 LCL917513:LCN917513 LMH917513:LMJ917513 LWD917513:LWF917513 MFZ917513:MGB917513 MPV917513:MPX917513 MZR917513:MZT917513 NJN917513:NJP917513 NTJ917513:NTL917513 ODF917513:ODH917513 ONB917513:OND917513 OWX917513:OWZ917513 PGT917513:PGV917513 PQP917513:PQR917513 QAL917513:QAN917513 QKH917513:QKJ917513 QUD917513:QUF917513 RDZ917513:REB917513 RNV917513:RNX917513 RXR917513:RXT917513 SHN917513:SHP917513 SRJ917513:SRL917513 TBF917513:TBH917513 TLB917513:TLD917513 TUX917513:TUZ917513 UET917513:UEV917513 UOP917513:UOR917513 UYL917513:UYN917513 VIH917513:VIJ917513 VSD917513:VSF917513 WBZ917513:WCB917513 WLV917513:WLX917513 WVR917513:WVT917513 I983049:K983049 JF983049:JH983049 TB983049:TD983049 ACX983049:ACZ983049 AMT983049:AMV983049 AWP983049:AWR983049 BGL983049:BGN983049 BQH983049:BQJ983049 CAD983049:CAF983049 CJZ983049:CKB983049 CTV983049:CTX983049 DDR983049:DDT983049 DNN983049:DNP983049 DXJ983049:DXL983049 EHF983049:EHH983049 ERB983049:ERD983049 FAX983049:FAZ983049 FKT983049:FKV983049 FUP983049:FUR983049 GEL983049:GEN983049 GOH983049:GOJ983049 GYD983049:GYF983049 HHZ983049:HIB983049 HRV983049:HRX983049 IBR983049:IBT983049 ILN983049:ILP983049 IVJ983049:IVL983049 JFF983049:JFH983049 JPB983049:JPD983049 JYX983049:JYZ983049 KIT983049:KIV983049 KSP983049:KSR983049 LCL983049:LCN983049 LMH983049:LMJ983049 LWD983049:LWF983049 MFZ983049:MGB983049 MPV983049:MPX983049 MZR983049:MZT983049 NJN983049:NJP983049 NTJ983049:NTL983049 ODF983049:ODH983049 ONB983049:OND983049 OWX983049:OWZ983049 PGT983049:PGV983049 PQP983049:PQR983049 QAL983049:QAN983049 QKH983049:QKJ983049 QUD983049:QUF983049 RDZ983049:REB983049 RNV983049:RNX983049 RXR983049:RXT983049 SHN983049:SHP983049 SRJ983049:SRL983049 TBF983049:TBH983049 TLB983049:TLD983049 TUX983049:TUZ983049 UET983049:UEV983049 UOP983049:UOR983049 UYL983049:UYN983049 VIH983049:VIJ983049 VSD983049:VSF983049 WBZ983049:WCB983049 WLV983049:WLX983049" xr:uid="{00000000-0002-0000-0100-000001000000}">
      <formula1>"果物,野菜,鮮魚,塩干,加工肉,生肉,デリカ,日配,冷凍食品,加工食品,調味料,菓子,酒類,日用品・雑貨,その他"</formula1>
    </dataValidation>
  </dataValidations>
  <printOptions horizontalCentered="1"/>
  <pageMargins left="0.27559055118110237" right="0.19685039370078741" top="0.51181102362204722" bottom="0.35433070866141736" header="0.19685039370078741" footer="0.19685039370078741"/>
  <pageSetup paperSize="9" scale="70" orientation="portrait" horizontalDpi="300" verticalDpi="300" r:id="rId1"/>
  <headerFooter alignWithMargins="0"/>
  <drawing r:id="rId2"/>
  <legacyDrawing r:id="rId3"/>
  <mc:AlternateContent xmlns:mc="http://schemas.openxmlformats.org/markup-compatibility/2006">
    <mc:Choice Requires="x14">
      <controls>
        <mc:AlternateContent xmlns:mc="http://schemas.openxmlformats.org/markup-compatibility/2006">
          <mc:Choice Requires="x14">
            <control shapeId="17459" r:id="rId4" name="Group Box 51">
              <controlPr defaultSize="0" autoFill="0" autoPict="0">
                <anchor moveWithCells="1">
                  <from>
                    <xdr:col>36</xdr:col>
                    <xdr:colOff>203200</xdr:colOff>
                    <xdr:row>18</xdr:row>
                    <xdr:rowOff>0</xdr:rowOff>
                  </from>
                  <to>
                    <xdr:col>38</xdr:col>
                    <xdr:colOff>527050</xdr:colOff>
                    <xdr:row>19</xdr:row>
                    <xdr:rowOff>88900</xdr:rowOff>
                  </to>
                </anchor>
              </controlPr>
            </control>
          </mc:Choice>
        </mc:AlternateContent>
      </controls>
    </mc:Choice>
  </mc:AlternateContent>
  <extLst>
    <ext xmlns:x14="http://schemas.microsoft.com/office/spreadsheetml/2009/9/main" uri="{CCE6A557-97BC-4b89-ADB6-D9C93CAAB3DF}">
      <x14:dataValidations xmlns:xm="http://schemas.microsoft.com/office/excel/2006/main" count="6">
        <x14:dataValidation type="list" allowBlank="1" showInputMessage="1" showErrorMessage="1" xr:uid="{00000000-0002-0000-0100-000002000000}">
          <x14:formula1>
            <xm:f>リスト!$D$3:$D$6</xm:f>
          </x14:formula1>
          <xm:sqref>B13:G13</xm:sqref>
        </x14:dataValidation>
        <x14:dataValidation type="list" allowBlank="1" showInputMessage="1" showErrorMessage="1" xr:uid="{00000000-0002-0000-0100-000003000000}">
          <x14:formula1>
            <xm:f>リスト!$F$3:$F$4</xm:f>
          </x14:formula1>
          <xm:sqref>C40:F40 C24</xm:sqref>
        </x14:dataValidation>
        <x14:dataValidation type="list" allowBlank="1" showInputMessage="1" showErrorMessage="1" xr:uid="{00000000-0002-0000-0100-000005000000}">
          <x14:formula1>
            <xm:f>リスト!$Q$3:$Q$4</xm:f>
          </x14:formula1>
          <xm:sqref>W37:W38 M37:M38 R37:R38 Z30 V30 D37:D38 X24 Y25 H37:H38 U24 D30:D31 I30 J31 N30 S31 P21:P27 S21:S27 V21:V27 Z21:Z27</xm:sqref>
        </x14:dataValidation>
        <x14:dataValidation type="list" allowBlank="1" showInputMessage="1" showErrorMessage="1" xr:uid="{FE8BE3F7-A0CA-49CE-B53A-5DE0057F7718}">
          <x14:formula1>
            <xm:f>リスト!$H$3:$H$5</xm:f>
          </x14:formula1>
          <xm:sqref>C25:H25</xm:sqref>
        </x14:dataValidation>
        <x14:dataValidation type="list" allowBlank="1" showInputMessage="1" showErrorMessage="1" xr:uid="{4E2CE39F-F6B0-40D6-B8DF-47F9853F8F3A}">
          <x14:formula1>
            <xm:f>リスト!$J$3:$J$4</xm:f>
          </x14:formula1>
          <xm:sqref>C27:H28</xm:sqref>
        </x14:dataValidation>
        <x14:dataValidation type="list" allowBlank="1" showInputMessage="1" showErrorMessage="1" xr:uid="{BCA2D6B2-DE62-4606-9745-3DAFBDB6514E}">
          <x14:formula1>
            <xm:f>リスト!$R$4:$R$8</xm:f>
          </x14:formula1>
          <xm:sqref>C34:O34</xm:sqref>
        </x14:dataValidation>
      </x14:dataValidations>
    </ext>
  </extLst>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200-000000000000}">
  <dimension ref="A2:AR26"/>
  <sheetViews>
    <sheetView workbookViewId="0">
      <selection activeCell="F27" sqref="F27"/>
    </sheetView>
  </sheetViews>
  <sheetFormatPr defaultRowHeight="13" x14ac:dyDescent="0.2"/>
  <cols>
    <col min="3" max="3" width="3.36328125" customWidth="1"/>
    <col min="5" max="5" width="3.36328125" customWidth="1"/>
    <col min="7" max="7" width="3.36328125" customWidth="1"/>
    <col min="9" max="9" width="3" customWidth="1"/>
    <col min="10" max="10" width="14.08984375" customWidth="1"/>
    <col min="11" max="11" width="2.7265625" customWidth="1"/>
    <col min="12" max="12" width="17.08984375" customWidth="1"/>
    <col min="13" max="13" width="3.26953125" customWidth="1"/>
    <col min="28" max="28" width="17.08984375" customWidth="1"/>
    <col min="33" max="33" width="23.08984375" customWidth="1"/>
    <col min="41" max="41" width="17" customWidth="1"/>
  </cols>
  <sheetData>
    <row r="2" spans="1:44" x14ac:dyDescent="0.2">
      <c r="X2" s="50" t="s">
        <v>229</v>
      </c>
      <c r="Y2" s="50" t="s">
        <v>230</v>
      </c>
      <c r="Z2" s="50" t="s">
        <v>231</v>
      </c>
      <c r="AA2" s="50" t="s">
        <v>232</v>
      </c>
      <c r="AB2" s="50" t="s">
        <v>233</v>
      </c>
      <c r="AC2" s="50" t="s">
        <v>234</v>
      </c>
      <c r="AD2" s="50" t="s">
        <v>235</v>
      </c>
      <c r="AE2" s="50" t="s">
        <v>236</v>
      </c>
      <c r="AF2" s="50" t="s">
        <v>237</v>
      </c>
      <c r="AG2" s="50" t="s">
        <v>248</v>
      </c>
      <c r="AH2" s="50" t="s">
        <v>247</v>
      </c>
      <c r="AI2" s="50" t="s">
        <v>246</v>
      </c>
      <c r="AJ2" s="50" t="s">
        <v>245</v>
      </c>
      <c r="AK2" s="50" t="s">
        <v>244</v>
      </c>
      <c r="AL2" s="50" t="s">
        <v>243</v>
      </c>
      <c r="AM2" s="50" t="s">
        <v>242</v>
      </c>
      <c r="AN2" s="50" t="s">
        <v>241</v>
      </c>
      <c r="AO2" s="50" t="s">
        <v>240</v>
      </c>
      <c r="AP2" s="50" t="s">
        <v>239</v>
      </c>
      <c r="AQ2" s="50" t="s">
        <v>238</v>
      </c>
      <c r="AR2" s="50"/>
    </row>
    <row r="3" spans="1:44" x14ac:dyDescent="0.2">
      <c r="A3" t="s">
        <v>72</v>
      </c>
      <c r="D3" t="s">
        <v>18</v>
      </c>
      <c r="F3" t="s">
        <v>43</v>
      </c>
      <c r="H3" t="s">
        <v>47</v>
      </c>
      <c r="J3" t="s">
        <v>49</v>
      </c>
      <c r="L3" t="s">
        <v>79</v>
      </c>
      <c r="N3" t="s">
        <v>83</v>
      </c>
      <c r="O3" t="s">
        <v>96</v>
      </c>
      <c r="X3" t="s">
        <v>132</v>
      </c>
      <c r="Y3" t="s">
        <v>133</v>
      </c>
      <c r="Z3" t="s">
        <v>130</v>
      </c>
      <c r="AA3" t="s">
        <v>134</v>
      </c>
      <c r="AB3" t="s">
        <v>135</v>
      </c>
      <c r="AC3" t="s">
        <v>136</v>
      </c>
      <c r="AD3" t="s">
        <v>137</v>
      </c>
      <c r="AE3" t="s">
        <v>138</v>
      </c>
      <c r="AF3" t="s">
        <v>139</v>
      </c>
      <c r="AG3" t="s">
        <v>140</v>
      </c>
      <c r="AH3" t="s">
        <v>141</v>
      </c>
      <c r="AI3" t="s">
        <v>142</v>
      </c>
      <c r="AJ3" t="s">
        <v>143</v>
      </c>
      <c r="AK3" t="s">
        <v>144</v>
      </c>
      <c r="AL3" t="s">
        <v>145</v>
      </c>
      <c r="AM3" t="s">
        <v>146</v>
      </c>
      <c r="AN3" t="s">
        <v>147</v>
      </c>
      <c r="AO3" t="s">
        <v>148</v>
      </c>
      <c r="AP3" t="s">
        <v>149</v>
      </c>
      <c r="AQ3" t="s">
        <v>131</v>
      </c>
    </row>
    <row r="4" spans="1:44" ht="16.5" x14ac:dyDescent="0.2">
      <c r="A4" t="s">
        <v>73</v>
      </c>
      <c r="D4" t="s">
        <v>17</v>
      </c>
      <c r="F4" t="s">
        <v>44</v>
      </c>
      <c r="H4" t="s">
        <v>46</v>
      </c>
      <c r="J4" t="s">
        <v>50</v>
      </c>
      <c r="L4" t="s">
        <v>80</v>
      </c>
      <c r="N4" t="s">
        <v>84</v>
      </c>
      <c r="O4" t="s">
        <v>97</v>
      </c>
      <c r="Q4" s="27" t="s">
        <v>68</v>
      </c>
      <c r="R4" t="s">
        <v>125</v>
      </c>
      <c r="X4" t="s">
        <v>150</v>
      </c>
      <c r="Y4" t="s">
        <v>151</v>
      </c>
      <c r="AA4" t="s">
        <v>152</v>
      </c>
      <c r="AB4" t="s">
        <v>153</v>
      </c>
      <c r="AC4" t="s">
        <v>154</v>
      </c>
      <c r="AD4" t="s">
        <v>155</v>
      </c>
      <c r="AE4" t="s">
        <v>156</v>
      </c>
      <c r="AF4" t="s">
        <v>157</v>
      </c>
      <c r="AG4" t="s">
        <v>158</v>
      </c>
      <c r="AH4" t="s">
        <v>159</v>
      </c>
      <c r="AI4" t="s">
        <v>160</v>
      </c>
      <c r="AJ4" t="s">
        <v>161</v>
      </c>
      <c r="AK4" t="s">
        <v>162</v>
      </c>
      <c r="AL4" t="s">
        <v>163</v>
      </c>
      <c r="AM4" t="s">
        <v>164</v>
      </c>
      <c r="AN4" t="s">
        <v>165</v>
      </c>
      <c r="AO4" t="s">
        <v>166</v>
      </c>
      <c r="AP4" t="s">
        <v>167</v>
      </c>
    </row>
    <row r="5" spans="1:44" x14ac:dyDescent="0.2">
      <c r="A5" t="s">
        <v>74</v>
      </c>
      <c r="D5" t="s">
        <v>16</v>
      </c>
      <c r="H5" t="s">
        <v>48</v>
      </c>
      <c r="O5" t="s">
        <v>98</v>
      </c>
      <c r="R5" t="s">
        <v>126</v>
      </c>
      <c r="AA5" t="s">
        <v>168</v>
      </c>
      <c r="AB5" t="s">
        <v>169</v>
      </c>
      <c r="AC5" t="s">
        <v>170</v>
      </c>
      <c r="AD5" t="s">
        <v>171</v>
      </c>
      <c r="AE5" t="s">
        <v>172</v>
      </c>
      <c r="AF5" t="s">
        <v>173</v>
      </c>
      <c r="AG5" t="s">
        <v>174</v>
      </c>
      <c r="AH5" t="s">
        <v>175</v>
      </c>
      <c r="AI5" t="s">
        <v>176</v>
      </c>
      <c r="AJ5" t="s">
        <v>177</v>
      </c>
      <c r="AK5" t="s">
        <v>178</v>
      </c>
      <c r="AM5" t="s">
        <v>179</v>
      </c>
      <c r="AO5" t="s">
        <v>180</v>
      </c>
    </row>
    <row r="6" spans="1:44" x14ac:dyDescent="0.2">
      <c r="D6" t="s">
        <v>15</v>
      </c>
      <c r="O6" t="s">
        <v>99</v>
      </c>
      <c r="R6" t="s">
        <v>127</v>
      </c>
      <c r="AB6" t="s">
        <v>181</v>
      </c>
      <c r="AC6" t="s">
        <v>182</v>
      </c>
      <c r="AD6" t="s">
        <v>183</v>
      </c>
      <c r="AE6" t="s">
        <v>184</v>
      </c>
      <c r="AF6" t="s">
        <v>185</v>
      </c>
      <c r="AG6" t="s">
        <v>186</v>
      </c>
      <c r="AI6" t="s">
        <v>187</v>
      </c>
      <c r="AO6" t="s">
        <v>188</v>
      </c>
    </row>
    <row r="7" spans="1:44" x14ac:dyDescent="0.2">
      <c r="O7" t="s">
        <v>100</v>
      </c>
      <c r="R7" t="s">
        <v>128</v>
      </c>
      <c r="AB7" t="s">
        <v>189</v>
      </c>
      <c r="AD7" t="s">
        <v>190</v>
      </c>
      <c r="AE7" t="s">
        <v>191</v>
      </c>
      <c r="AF7" t="s">
        <v>192</v>
      </c>
      <c r="AG7" t="s">
        <v>193</v>
      </c>
      <c r="AO7" t="s">
        <v>194</v>
      </c>
    </row>
    <row r="8" spans="1:44" x14ac:dyDescent="0.2">
      <c r="F8" t="s">
        <v>76</v>
      </c>
      <c r="O8" t="s">
        <v>101</v>
      </c>
      <c r="R8" t="s">
        <v>129</v>
      </c>
      <c r="AB8" t="s">
        <v>195</v>
      </c>
      <c r="AE8" t="s">
        <v>196</v>
      </c>
      <c r="AF8" t="s">
        <v>197</v>
      </c>
      <c r="AG8" t="s">
        <v>198</v>
      </c>
      <c r="AO8" t="s">
        <v>199</v>
      </c>
    </row>
    <row r="9" spans="1:44" x14ac:dyDescent="0.2">
      <c r="F9" t="s">
        <v>77</v>
      </c>
      <c r="O9" t="s">
        <v>102</v>
      </c>
      <c r="AB9" t="s">
        <v>200</v>
      </c>
      <c r="AE9" t="s">
        <v>201</v>
      </c>
      <c r="AF9" t="s">
        <v>202</v>
      </c>
      <c r="AO9" t="s">
        <v>203</v>
      </c>
    </row>
    <row r="10" spans="1:44" x14ac:dyDescent="0.2">
      <c r="O10" t="s">
        <v>103</v>
      </c>
      <c r="AB10" t="s">
        <v>204</v>
      </c>
      <c r="AE10" t="s">
        <v>205</v>
      </c>
      <c r="AF10" t="s">
        <v>206</v>
      </c>
      <c r="AO10" t="s">
        <v>207</v>
      </c>
    </row>
    <row r="11" spans="1:44" x14ac:dyDescent="0.2">
      <c r="O11" t="s">
        <v>104</v>
      </c>
      <c r="AB11" t="s">
        <v>208</v>
      </c>
      <c r="AF11" t="s">
        <v>209</v>
      </c>
      <c r="AO11" t="s">
        <v>210</v>
      </c>
    </row>
    <row r="12" spans="1:44" x14ac:dyDescent="0.2">
      <c r="O12" t="s">
        <v>105</v>
      </c>
      <c r="AB12" t="s">
        <v>211</v>
      </c>
      <c r="AF12" t="s">
        <v>212</v>
      </c>
    </row>
    <row r="13" spans="1:44" x14ac:dyDescent="0.2">
      <c r="O13" t="s">
        <v>11</v>
      </c>
      <c r="AB13" t="s">
        <v>213</v>
      </c>
      <c r="AF13" t="s">
        <v>214</v>
      </c>
    </row>
    <row r="14" spans="1:44" x14ac:dyDescent="0.2">
      <c r="O14" t="s">
        <v>106</v>
      </c>
      <c r="AB14" t="s">
        <v>215</v>
      </c>
      <c r="AF14" t="s">
        <v>216</v>
      </c>
    </row>
    <row r="15" spans="1:44" x14ac:dyDescent="0.2">
      <c r="O15" t="s">
        <v>107</v>
      </c>
      <c r="AB15" t="s">
        <v>217</v>
      </c>
    </row>
    <row r="16" spans="1:44" x14ac:dyDescent="0.2">
      <c r="O16" t="s">
        <v>108</v>
      </c>
      <c r="AB16" t="s">
        <v>218</v>
      </c>
    </row>
    <row r="17" spans="1:35" x14ac:dyDescent="0.2">
      <c r="A17" t="s">
        <v>124</v>
      </c>
      <c r="O17" t="s">
        <v>109</v>
      </c>
      <c r="AB17" t="s">
        <v>219</v>
      </c>
    </row>
    <row r="18" spans="1:35" x14ac:dyDescent="0.2">
      <c r="AB18" t="s">
        <v>220</v>
      </c>
    </row>
    <row r="19" spans="1:35" x14ac:dyDescent="0.2">
      <c r="AB19" t="s">
        <v>221</v>
      </c>
    </row>
    <row r="20" spans="1:35" x14ac:dyDescent="0.2">
      <c r="AB20" t="s">
        <v>222</v>
      </c>
    </row>
    <row r="21" spans="1:35" x14ac:dyDescent="0.2">
      <c r="AB21" t="s">
        <v>223</v>
      </c>
    </row>
    <row r="22" spans="1:35" x14ac:dyDescent="0.2">
      <c r="AB22" t="s">
        <v>224</v>
      </c>
    </row>
    <row r="23" spans="1:35" x14ac:dyDescent="0.2">
      <c r="AB23" t="s">
        <v>225</v>
      </c>
    </row>
    <row r="24" spans="1:35" x14ac:dyDescent="0.2">
      <c r="AB24" t="s">
        <v>226</v>
      </c>
    </row>
    <row r="25" spans="1:35" x14ac:dyDescent="0.2">
      <c r="O25" s="50"/>
      <c r="P25" s="50"/>
      <c r="Q25" s="50"/>
      <c r="R25" s="50"/>
      <c r="S25" s="50"/>
      <c r="T25" s="50"/>
      <c r="U25" s="50"/>
      <c r="V25" s="50"/>
      <c r="W25" s="50"/>
      <c r="X25" s="50"/>
      <c r="Y25" s="50"/>
      <c r="Z25" s="50"/>
      <c r="AA25" s="50"/>
      <c r="AB25" s="50" t="s">
        <v>227</v>
      </c>
      <c r="AC25" s="50"/>
      <c r="AD25" s="50"/>
      <c r="AE25" s="50"/>
      <c r="AF25" s="50"/>
      <c r="AG25" s="50"/>
      <c r="AH25" s="50"/>
      <c r="AI25" s="50"/>
    </row>
    <row r="26" spans="1:35" x14ac:dyDescent="0.2">
      <c r="AB26" t="s">
        <v>228</v>
      </c>
    </row>
  </sheetData>
  <phoneticPr fontId="3"/>
  <pageMargins left="0.7" right="0.7" top="0.75" bottom="0.75" header="0.3" footer="0.3"/>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2</vt:i4>
      </vt:variant>
      <vt:variant>
        <vt:lpstr>名前付き一覧</vt:lpstr>
      </vt:variant>
      <vt:variant>
        <vt:i4>21</vt:i4>
      </vt:variant>
    </vt:vector>
  </HeadingPairs>
  <TitlesOfParts>
    <vt:vector size="23" baseType="lpstr">
      <vt:lpstr>商品カルテ</vt:lpstr>
      <vt:lpstr>リスト</vt:lpstr>
      <vt:lpstr>商品カルテ!Print_Area</vt:lpstr>
      <vt:lpstr>サービス業・他に分類されないもの</vt:lpstr>
      <vt:lpstr>医療・福祉</vt:lpstr>
      <vt:lpstr>運輸業・郵便業</vt:lpstr>
      <vt:lpstr>卸売業・小売業</vt:lpstr>
      <vt:lpstr>学術研究・専門・技術サービス業</vt:lpstr>
      <vt:lpstr>漁業</vt:lpstr>
      <vt:lpstr>教育・学習支援業</vt:lpstr>
      <vt:lpstr>金融業・保険業</vt:lpstr>
      <vt:lpstr>建設業</vt:lpstr>
      <vt:lpstr>公務・他に分類されるものを除く</vt:lpstr>
      <vt:lpstr>鉱業・採石業・砂利採取業</vt:lpstr>
      <vt:lpstr>宿泊業・飲食サービス業</vt:lpstr>
      <vt:lpstr>情報通信業</vt:lpstr>
      <vt:lpstr>生活関連サービス業・娯楽業</vt:lpstr>
      <vt:lpstr>製造業</vt:lpstr>
      <vt:lpstr>電気・ガス・熱供給・水道業</vt:lpstr>
      <vt:lpstr>農業・林業</vt:lpstr>
      <vt:lpstr>不動産業・物品賃貸業</vt:lpstr>
      <vt:lpstr>複合サービス事業</vt:lpstr>
      <vt:lpstr>分類不能の産業</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cp:lastModifiedBy>-</cp:lastModifiedBy>
  <cp:lastPrinted>2022-12-27T04:30:18Z</cp:lastPrinted>
  <dcterms:created xsi:type="dcterms:W3CDTF">2020-08-14T05:30:01Z</dcterms:created>
  <dcterms:modified xsi:type="dcterms:W3CDTF">2024-06-26T08:23:27Z</dcterms:modified>
</cp:coreProperties>
</file>